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3351\Downloads\"/>
    </mc:Choice>
  </mc:AlternateContent>
  <bookViews>
    <workbookView xWindow="0" yWindow="0" windowWidth="19200" windowHeight="6310"/>
  </bookViews>
  <sheets>
    <sheet name="104" sheetId="26" r:id="rId1"/>
    <sheet name="105" sheetId="31" r:id="rId2"/>
    <sheet name="106" sheetId="32" r:id="rId3"/>
    <sheet name="107" sheetId="33" r:id="rId4"/>
    <sheet name="108" sheetId="34" r:id="rId5"/>
    <sheet name="109" sheetId="35" r:id="rId6"/>
  </sheets>
  <definedNames>
    <definedName name="_xlnm.Print_Titles" localSheetId="0">'104'!$1:$4</definedName>
    <definedName name="_xlnm.Print_Titles" localSheetId="1">'105'!$1:$4</definedName>
    <definedName name="_xlnm.Print_Titles" localSheetId="2">'106'!$1:$4</definedName>
    <definedName name="_xlnm.Print_Titles" localSheetId="3">'107'!$1:$4</definedName>
    <definedName name="_xlnm.Print_Titles" localSheetId="4">'108'!$1:$4</definedName>
    <definedName name="_xlnm.Print_Titles" localSheetId="5">'109'!$1:$4</definedName>
  </definedNames>
  <calcPr calcId="162913"/>
</workbook>
</file>

<file path=xl/calcChain.xml><?xml version="1.0" encoding="utf-8"?>
<calcChain xmlns="http://schemas.openxmlformats.org/spreadsheetml/2006/main">
  <c r="Q39" i="35" l="1"/>
  <c r="Q39" i="34"/>
  <c r="Q39" i="33"/>
  <c r="Q38" i="32"/>
  <c r="Q38" i="31"/>
  <c r="Q38" i="26"/>
</calcChain>
</file>

<file path=xl/sharedStrings.xml><?xml version="1.0" encoding="utf-8"?>
<sst xmlns="http://schemas.openxmlformats.org/spreadsheetml/2006/main" count="886" uniqueCount="190">
  <si>
    <t>類別</t>
  </si>
  <si>
    <t>選別</t>
  </si>
  <si>
    <t>一年級</t>
  </si>
  <si>
    <t>二年級</t>
  </si>
  <si>
    <t>三年級</t>
  </si>
  <si>
    <t>四年級</t>
  </si>
  <si>
    <t>備註</t>
  </si>
  <si>
    <t>上</t>
  </si>
  <si>
    <t>下</t>
  </si>
  <si>
    <t>全人教育課程</t>
  </si>
  <si>
    <t>必</t>
  </si>
  <si>
    <t>通</t>
  </si>
  <si>
    <r>
      <t xml:space="preserve"> </t>
    </r>
    <r>
      <rPr>
        <sz val="12"/>
        <rFont val="標楷體"/>
        <family val="4"/>
        <charset val="136"/>
      </rPr>
      <t>科</t>
    </r>
    <r>
      <rPr>
        <sz val="12"/>
        <rFont val="Times New Roman"/>
        <family val="1"/>
      </rPr>
      <t xml:space="preserve">  </t>
    </r>
    <r>
      <rPr>
        <sz val="12"/>
        <rFont val="標楷體"/>
        <family val="4"/>
        <charset val="136"/>
      </rPr>
      <t>目</t>
    </r>
    <r>
      <rPr>
        <sz val="12"/>
        <rFont val="Times New Roman"/>
        <family val="1"/>
      </rPr>
      <t xml:space="preserve">  </t>
    </r>
    <r>
      <rPr>
        <sz val="12"/>
        <rFont val="標楷體"/>
        <family val="4"/>
        <charset val="136"/>
      </rPr>
      <t>名</t>
    </r>
    <r>
      <rPr>
        <sz val="12"/>
        <rFont val="Times New Roman"/>
        <family val="1"/>
      </rPr>
      <t xml:space="preserve">  </t>
    </r>
    <r>
      <rPr>
        <sz val="12"/>
        <rFont val="標楷體"/>
        <family val="4"/>
        <charset val="136"/>
      </rPr>
      <t>稱</t>
    </r>
    <phoneticPr fontId="1" type="noConversion"/>
  </si>
  <si>
    <t>科目代碼</t>
    <phoneticPr fontId="1" type="noConversion"/>
  </si>
  <si>
    <t>規定學分</t>
    <phoneticPr fontId="1" type="noConversion"/>
  </si>
  <si>
    <t>類別最低應修學分數</t>
    <phoneticPr fontId="1" type="noConversion"/>
  </si>
  <si>
    <t>模組最低應修學分數</t>
    <phoneticPr fontId="1" type="noConversion"/>
  </si>
  <si>
    <t>大學入門</t>
    <phoneticPr fontId="1" type="noConversion"/>
  </si>
  <si>
    <t>人生哲學</t>
    <phoneticPr fontId="1" type="noConversion"/>
  </si>
  <si>
    <t>國文</t>
    <phoneticPr fontId="1" type="noConversion"/>
  </si>
  <si>
    <t>外國語文</t>
    <phoneticPr fontId="1" type="noConversion"/>
  </si>
  <si>
    <t>人文與藝術通識領域</t>
    <phoneticPr fontId="1" type="noConversion"/>
  </si>
  <si>
    <t>自然與科技通識領域</t>
    <phoneticPr fontId="1" type="noConversion"/>
  </si>
  <si>
    <t>社會科學通識領域</t>
    <phoneticPr fontId="1" type="noConversion"/>
  </si>
  <si>
    <t>體育</t>
    <phoneticPr fontId="1" type="noConversion"/>
  </si>
  <si>
    <t>導師時間</t>
    <phoneticPr fontId="1" type="noConversion"/>
  </si>
  <si>
    <t>必</t>
    <phoneticPr fontId="1" type="noConversion"/>
  </si>
  <si>
    <t>院系必選課程</t>
    <phoneticPr fontId="1" type="noConversion"/>
  </si>
  <si>
    <t>校訂</t>
    <phoneticPr fontId="1" type="noConversion"/>
  </si>
  <si>
    <t>核心課程</t>
    <phoneticPr fontId="1" type="noConversion"/>
  </si>
  <si>
    <t>基本能力課程</t>
    <phoneticPr fontId="1" type="noConversion"/>
  </si>
  <si>
    <t>英文至少4學分，但入學考試或經檢定達一定標準者，得免修英文，逕選修讀第二外語課程。</t>
    <phoneticPr fontId="1" type="noConversion"/>
  </si>
  <si>
    <t>資訊素養</t>
    <phoneticPr fontId="1" type="noConversion"/>
  </si>
  <si>
    <t>通識涵養課程</t>
    <phoneticPr fontId="1" type="noConversion"/>
  </si>
  <si>
    <r>
      <rPr>
        <sz val="8"/>
        <rFont val="標楷體"/>
        <family val="4"/>
        <charset val="136"/>
      </rPr>
      <t>全人教育課程學分數</t>
    </r>
    <r>
      <rPr>
        <sz val="8"/>
        <rFont val="Times New Roman"/>
        <family val="1"/>
      </rPr>
      <t>A</t>
    </r>
    <phoneticPr fontId="1" type="noConversion"/>
  </si>
  <si>
    <r>
      <rPr>
        <sz val="8"/>
        <rFont val="標楷體"/>
        <family val="4"/>
        <charset val="136"/>
      </rPr>
      <t>院系必修必選學分數</t>
    </r>
    <r>
      <rPr>
        <sz val="8"/>
        <rFont val="Times New Roman"/>
        <family val="1"/>
      </rPr>
      <t>B</t>
    </r>
    <phoneticPr fontId="1" type="noConversion"/>
  </si>
  <si>
    <r>
      <rPr>
        <sz val="8"/>
        <rFont val="標楷體"/>
        <family val="4"/>
        <charset val="136"/>
      </rPr>
      <t>畢業學分數</t>
    </r>
    <r>
      <rPr>
        <sz val="8"/>
        <rFont val="Times New Roman"/>
        <family val="1"/>
      </rPr>
      <t xml:space="preserve">       A</t>
    </r>
    <r>
      <rPr>
        <sz val="8"/>
        <rFont val="標楷體"/>
        <family val="4"/>
        <charset val="136"/>
      </rPr>
      <t>＋</t>
    </r>
    <r>
      <rPr>
        <sz val="8"/>
        <rFont val="Times New Roman"/>
        <family val="1"/>
      </rPr>
      <t>B</t>
    </r>
    <r>
      <rPr>
        <sz val="8"/>
        <rFont val="標楷體"/>
        <family val="4"/>
        <charset val="136"/>
      </rPr>
      <t>＋</t>
    </r>
    <r>
      <rPr>
        <sz val="8"/>
        <rFont val="Times New Roman"/>
        <family val="1"/>
      </rPr>
      <t>C</t>
    </r>
    <phoneticPr fontId="1" type="noConversion"/>
  </si>
  <si>
    <t>模組</t>
    <phoneticPr fontId="1" type="noConversion"/>
  </si>
  <si>
    <t>不開設全校性必修課程，改以學生需通過本校資訊基本能力檢定為畢業條件，檢定方式採認證或修讀相關課程方式抵免。</t>
    <phoneticPr fontId="1" type="noConversion"/>
  </si>
  <si>
    <t xml:space="preserve">「歷史與文化」納入通識涵養課程，於三領域課程中開設「歷史與文化」學群課程，學生至少於學群課程中修習2學分。
</t>
    <phoneticPr fontId="1" type="noConversion"/>
  </si>
  <si>
    <r>
      <rPr>
        <sz val="8"/>
        <rFont val="標楷體"/>
        <family val="4"/>
        <charset val="136"/>
      </rPr>
      <t>選修學分數</t>
    </r>
    <r>
      <rPr>
        <sz val="8"/>
        <rFont val="Times New Roman"/>
        <family val="1"/>
      </rPr>
      <t>C</t>
    </r>
    <phoneticPr fontId="1" type="noConversion"/>
  </si>
  <si>
    <r>
      <rPr>
        <sz val="8"/>
        <rFont val="標楷體"/>
        <family val="4"/>
        <charset val="136"/>
      </rPr>
      <t>必修</t>
    </r>
    <phoneticPr fontId="1" type="noConversion"/>
  </si>
  <si>
    <r>
      <rPr>
        <sz val="8"/>
        <rFont val="標楷體"/>
        <family val="4"/>
        <charset val="136"/>
      </rPr>
      <t>必選</t>
    </r>
    <phoneticPr fontId="1" type="noConversion"/>
  </si>
  <si>
    <t>00001</t>
    <phoneticPr fontId="14" type="noConversion"/>
  </si>
  <si>
    <t>02795</t>
    <phoneticPr fontId="14" type="noConversion"/>
  </si>
  <si>
    <t>00155</t>
    <phoneticPr fontId="1" type="noConversion"/>
  </si>
  <si>
    <t>00007</t>
    <phoneticPr fontId="1" type="noConversion"/>
  </si>
  <si>
    <t>08824</t>
    <phoneticPr fontId="1" type="noConversion"/>
  </si>
  <si>
    <t>院系必修課程</t>
    <phoneticPr fontId="1" type="noConversion"/>
  </si>
  <si>
    <t>經濟學</t>
    <phoneticPr fontId="1" type="noConversion"/>
  </si>
  <si>
    <t>02457</t>
    <phoneticPr fontId="1" type="noConversion"/>
  </si>
  <si>
    <t>會計學</t>
    <phoneticPr fontId="1" type="noConversion"/>
  </si>
  <si>
    <t>02412</t>
    <phoneticPr fontId="1" type="noConversion"/>
  </si>
  <si>
    <t>微積分</t>
    <phoneticPr fontId="1" type="noConversion"/>
  </si>
  <si>
    <t>02390</t>
    <phoneticPr fontId="1" type="noConversion"/>
  </si>
  <si>
    <t>計算機概論</t>
    <phoneticPr fontId="1" type="noConversion"/>
  </si>
  <si>
    <t>01863</t>
    <phoneticPr fontId="1" type="noConversion"/>
  </si>
  <si>
    <t>企業管理概論</t>
    <phoneticPr fontId="1" type="noConversion"/>
  </si>
  <si>
    <t>05201</t>
    <phoneticPr fontId="1" type="noConversion"/>
  </si>
  <si>
    <t>統計學</t>
    <phoneticPr fontId="1" type="noConversion"/>
  </si>
  <si>
    <t>02222</t>
    <phoneticPr fontId="1" type="noConversion"/>
  </si>
  <si>
    <t>民法概要</t>
    <phoneticPr fontId="1" type="noConversion"/>
  </si>
  <si>
    <t>01343</t>
    <phoneticPr fontId="1" type="noConversion"/>
  </si>
  <si>
    <t>個體經濟學</t>
    <phoneticPr fontId="1" type="noConversion"/>
  </si>
  <si>
    <t>01910</t>
    <phoneticPr fontId="1" type="noConversion"/>
  </si>
  <si>
    <t>總體經濟學</t>
    <phoneticPr fontId="1" type="noConversion"/>
  </si>
  <si>
    <t>02891</t>
    <phoneticPr fontId="1" type="noConversion"/>
  </si>
  <si>
    <t>行銷管理</t>
    <phoneticPr fontId="1" type="noConversion"/>
  </si>
  <si>
    <t>01483</t>
    <phoneticPr fontId="1" type="noConversion"/>
  </si>
  <si>
    <t>財務管理</t>
    <phoneticPr fontId="1" type="noConversion"/>
  </si>
  <si>
    <t>01983</t>
    <phoneticPr fontId="1" type="noConversion"/>
  </si>
  <si>
    <t>國際貿易實務</t>
    <phoneticPr fontId="1" type="noConversion"/>
  </si>
  <si>
    <t>02100</t>
    <phoneticPr fontId="1" type="noConversion"/>
  </si>
  <si>
    <t>國際金融</t>
    <phoneticPr fontId="1" type="noConversion"/>
  </si>
  <si>
    <t>02090</t>
    <phoneticPr fontId="1" type="noConversion"/>
  </si>
  <si>
    <t>專題研究(一)</t>
    <phoneticPr fontId="1" type="noConversion"/>
  </si>
  <si>
    <t>07344</t>
    <phoneticPr fontId="1" type="noConversion"/>
  </si>
  <si>
    <t>專題研究(二)</t>
    <phoneticPr fontId="1" type="noConversion"/>
  </si>
  <si>
    <t>07699</t>
    <phoneticPr fontId="1" type="noConversion"/>
  </si>
  <si>
    <t>國際財務金融組</t>
    <phoneticPr fontId="1" type="noConversion"/>
  </si>
  <si>
    <t>投資學</t>
    <phoneticPr fontId="1" type="noConversion"/>
  </si>
  <si>
    <t>01579</t>
    <phoneticPr fontId="1" type="noConversion"/>
  </si>
  <si>
    <t>期貨與選擇權</t>
    <phoneticPr fontId="1" type="noConversion"/>
  </si>
  <si>
    <t>03408</t>
    <phoneticPr fontId="1" type="noConversion"/>
  </si>
  <si>
    <t>固定收益證券</t>
    <phoneticPr fontId="1" type="noConversion"/>
  </si>
  <si>
    <t>10458</t>
    <phoneticPr fontId="1" type="noConversion"/>
  </si>
  <si>
    <t>國際企業組</t>
    <phoneticPr fontId="1" type="noConversion"/>
  </si>
  <si>
    <t>國際行銷</t>
    <phoneticPr fontId="1" type="noConversion"/>
  </si>
  <si>
    <t>02084</t>
    <phoneticPr fontId="1" type="noConversion"/>
  </si>
  <si>
    <t>國際企業管理</t>
    <phoneticPr fontId="1" type="noConversion"/>
  </si>
  <si>
    <t>02083</t>
    <phoneticPr fontId="1" type="noConversion"/>
  </si>
  <si>
    <t>國際競合策略</t>
    <phoneticPr fontId="1" type="noConversion"/>
  </si>
  <si>
    <t>15493</t>
    <phoneticPr fontId="1" type="noConversion"/>
  </si>
  <si>
    <t>PT00</t>
    <phoneticPr fontId="14" type="noConversion"/>
  </si>
  <si>
    <t>NT00</t>
    <phoneticPr fontId="14" type="noConversion"/>
  </si>
  <si>
    <t>ST00</t>
    <phoneticPr fontId="14" type="noConversion"/>
  </si>
  <si>
    <r>
      <t>2</t>
    </r>
    <r>
      <rPr>
        <sz val="10"/>
        <rFont val="標楷體"/>
        <family val="4"/>
        <charset val="136"/>
      </rPr>
      <t>組任選</t>
    </r>
    <r>
      <rPr>
        <sz val="10"/>
        <rFont val="Times New Roman"/>
        <family val="1"/>
      </rPr>
      <t>1</t>
    </r>
    <r>
      <rPr>
        <sz val="10"/>
        <rFont val="標楷體"/>
        <family val="4"/>
        <charset val="136"/>
      </rPr>
      <t>組，修畢其中</t>
    </r>
    <r>
      <rPr>
        <sz val="10"/>
        <rFont val="Times New Roman"/>
        <family val="1"/>
      </rPr>
      <t>1</t>
    </r>
    <r>
      <rPr>
        <sz val="10"/>
        <rFont val="標楷體"/>
        <family val="4"/>
        <charset val="136"/>
      </rPr>
      <t>組共</t>
    </r>
    <r>
      <rPr>
        <sz val="10"/>
        <rFont val="Times New Roman"/>
        <family val="1"/>
      </rPr>
      <t>9</t>
    </r>
    <r>
      <rPr>
        <sz val="10"/>
        <rFont val="標楷體"/>
        <family val="4"/>
        <charset val="136"/>
      </rPr>
      <t>學分即符合畢業資格。</t>
    </r>
    <phoneticPr fontId="1" type="noConversion"/>
  </si>
  <si>
    <r>
      <t>院別：管理</t>
    </r>
    <r>
      <rPr>
        <sz val="12"/>
        <rFont val="Times New Roman"/>
        <family val="1"/>
      </rPr>
      <t xml:space="preserve">                 </t>
    </r>
    <r>
      <rPr>
        <sz val="12"/>
        <rFont val="標楷體"/>
        <family val="4"/>
        <charset val="136"/>
      </rPr>
      <t>系別：金融與國際企業學系</t>
    </r>
    <r>
      <rPr>
        <sz val="12"/>
        <rFont val="Times New Roman"/>
        <family val="1"/>
      </rPr>
      <t xml:space="preserve">                </t>
    </r>
    <r>
      <rPr>
        <sz val="12"/>
        <rFont val="標楷體"/>
        <family val="4"/>
        <charset val="136"/>
      </rPr>
      <t>組別：</t>
    </r>
    <r>
      <rPr>
        <sz val="12"/>
        <rFont val="Times New Roman"/>
        <family val="1"/>
      </rPr>
      <t xml:space="preserve">                    </t>
    </r>
    <phoneticPr fontId="1" type="noConversion"/>
  </si>
  <si>
    <t>專業倫理-企業倫理</t>
    <phoneticPr fontId="1" type="noConversion"/>
  </si>
  <si>
    <t>全民國防教育軍事訓練</t>
    <phoneticPr fontId="15" type="noConversion"/>
  </si>
  <si>
    <t>02795</t>
    <phoneticPr fontId="1" type="noConversion"/>
  </si>
  <si>
    <t>全民國防教育軍事訓練</t>
    <phoneticPr fontId="1" type="noConversion"/>
  </si>
  <si>
    <t>00001</t>
    <phoneticPr fontId="1" type="noConversion"/>
  </si>
  <si>
    <t>PT00</t>
    <phoneticPr fontId="1" type="noConversion"/>
  </si>
  <si>
    <t>NT00</t>
    <phoneticPr fontId="1" type="noConversion"/>
  </si>
  <si>
    <t>ST00</t>
    <phoneticPr fontId="1" type="noConversion"/>
  </si>
  <si>
    <r>
      <rPr>
        <sz val="12"/>
        <rFont val="標楷體"/>
        <family val="4"/>
        <charset val="136"/>
      </rPr>
      <t>系主任：</t>
    </r>
    <phoneticPr fontId="1" type="noConversion"/>
  </si>
  <si>
    <r>
      <rPr>
        <sz val="12"/>
        <rFont val="標楷體"/>
        <family val="4"/>
        <charset val="136"/>
      </rPr>
      <t>院長：</t>
    </r>
    <phoneticPr fontId="1" type="noConversion"/>
  </si>
  <si>
    <r>
      <rPr>
        <sz val="12"/>
        <rFont val="標楷體"/>
        <family val="4"/>
        <charset val="136"/>
      </rPr>
      <t>課務組：</t>
    </r>
    <phoneticPr fontId="1" type="noConversion"/>
  </si>
  <si>
    <r>
      <t>輔仁大學</t>
    </r>
    <r>
      <rPr>
        <sz val="16"/>
        <rFont val="Times New Roman"/>
        <family val="1"/>
      </rPr>
      <t xml:space="preserve"> 104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r>
      <t>輔仁大學</t>
    </r>
    <r>
      <rPr>
        <sz val="16"/>
        <rFont val="Times New Roman"/>
        <family val="1"/>
      </rPr>
      <t xml:space="preserve"> 105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t>系專業必選課程</t>
    <phoneticPr fontId="1" type="noConversion"/>
  </si>
  <si>
    <r>
      <rPr>
        <sz val="10"/>
        <rFont val="標楷體"/>
        <family val="4"/>
        <charset val="136"/>
      </rPr>
      <t>經濟學</t>
    </r>
    <phoneticPr fontId="1" type="noConversion"/>
  </si>
  <si>
    <r>
      <rPr>
        <sz val="10"/>
        <rFont val="標楷體"/>
        <family val="4"/>
        <charset val="136"/>
      </rPr>
      <t>必</t>
    </r>
    <phoneticPr fontId="1" type="noConversion"/>
  </si>
  <si>
    <r>
      <rPr>
        <sz val="10"/>
        <rFont val="標楷體"/>
        <family val="4"/>
        <charset val="136"/>
      </rPr>
      <t>會計學</t>
    </r>
    <phoneticPr fontId="1" type="noConversion"/>
  </si>
  <si>
    <r>
      <rPr>
        <sz val="10"/>
        <rFont val="標楷體"/>
        <family val="4"/>
        <charset val="136"/>
      </rPr>
      <t>微積分</t>
    </r>
    <phoneticPr fontId="1" type="noConversion"/>
  </si>
  <si>
    <r>
      <rPr>
        <sz val="10"/>
        <rFont val="標楷體"/>
        <family val="4"/>
        <charset val="136"/>
      </rPr>
      <t>計算機概論</t>
    </r>
    <phoneticPr fontId="1" type="noConversion"/>
  </si>
  <si>
    <r>
      <rPr>
        <sz val="10"/>
        <rFont val="標楷體"/>
        <family val="4"/>
        <charset val="136"/>
      </rPr>
      <t>企業管理概論</t>
    </r>
    <phoneticPr fontId="1" type="noConversion"/>
  </si>
  <si>
    <r>
      <rPr>
        <sz val="10"/>
        <rFont val="標楷體"/>
        <family val="4"/>
        <charset val="136"/>
      </rPr>
      <t>統計學</t>
    </r>
    <phoneticPr fontId="1" type="noConversion"/>
  </si>
  <si>
    <r>
      <rPr>
        <sz val="10"/>
        <rFont val="標楷體"/>
        <family val="4"/>
        <charset val="136"/>
      </rPr>
      <t>民法概要</t>
    </r>
    <phoneticPr fontId="1" type="noConversion"/>
  </si>
  <si>
    <r>
      <rPr>
        <sz val="10"/>
        <rFont val="標楷體"/>
        <family val="4"/>
        <charset val="136"/>
      </rPr>
      <t>個體經濟學</t>
    </r>
    <phoneticPr fontId="1" type="noConversion"/>
  </si>
  <si>
    <r>
      <rPr>
        <sz val="10"/>
        <rFont val="標楷體"/>
        <family val="4"/>
        <charset val="136"/>
      </rPr>
      <t>總體經濟學</t>
    </r>
    <phoneticPr fontId="1" type="noConversion"/>
  </si>
  <si>
    <r>
      <rPr>
        <sz val="10"/>
        <rFont val="標楷體"/>
        <family val="4"/>
        <charset val="136"/>
      </rPr>
      <t>行銷管理</t>
    </r>
    <phoneticPr fontId="1" type="noConversion"/>
  </si>
  <si>
    <r>
      <rPr>
        <sz val="10"/>
        <rFont val="標楷體"/>
        <family val="4"/>
        <charset val="136"/>
      </rPr>
      <t>財務管理</t>
    </r>
    <phoneticPr fontId="1" type="noConversion"/>
  </si>
  <si>
    <r>
      <rPr>
        <sz val="10"/>
        <rFont val="標楷體"/>
        <family val="4"/>
        <charset val="136"/>
      </rPr>
      <t>國際金融</t>
    </r>
    <phoneticPr fontId="1" type="noConversion"/>
  </si>
  <si>
    <r>
      <rPr>
        <sz val="10"/>
        <rFont val="標楷體"/>
        <family val="4"/>
        <charset val="136"/>
      </rPr>
      <t>投資學</t>
    </r>
    <phoneticPr fontId="1" type="noConversion"/>
  </si>
  <si>
    <r>
      <rPr>
        <sz val="10"/>
        <rFont val="標楷體"/>
        <family val="4"/>
        <charset val="136"/>
      </rPr>
      <t>國際企業管理</t>
    </r>
    <phoneticPr fontId="1" type="noConversion"/>
  </si>
  <si>
    <r>
      <rPr>
        <sz val="10"/>
        <rFont val="標楷體"/>
        <family val="4"/>
        <charset val="136"/>
      </rPr>
      <t>固定收益證券</t>
    </r>
    <phoneticPr fontId="1" type="noConversion"/>
  </si>
  <si>
    <r>
      <rPr>
        <sz val="10"/>
        <rFont val="標楷體"/>
        <family val="4"/>
        <charset val="136"/>
      </rPr>
      <t>期貨與選擇權</t>
    </r>
    <phoneticPr fontId="1" type="noConversion"/>
  </si>
  <si>
    <r>
      <rPr>
        <sz val="10"/>
        <rFont val="標楷體"/>
        <family val="4"/>
        <charset val="136"/>
      </rPr>
      <t>國際競合策略</t>
    </r>
    <phoneticPr fontId="1" type="noConversion"/>
  </si>
  <si>
    <r>
      <rPr>
        <sz val="10"/>
        <rFont val="標楷體"/>
        <family val="4"/>
        <charset val="136"/>
      </rPr>
      <t>專題研究</t>
    </r>
    <r>
      <rPr>
        <sz val="10"/>
        <rFont val="Times New Roman"/>
        <family val="1"/>
      </rPr>
      <t>(</t>
    </r>
    <r>
      <rPr>
        <sz val="10"/>
        <rFont val="標楷體"/>
        <family val="4"/>
        <charset val="136"/>
      </rPr>
      <t>一</t>
    </r>
    <r>
      <rPr>
        <sz val="10"/>
        <rFont val="Times New Roman"/>
        <family val="1"/>
      </rPr>
      <t>)</t>
    </r>
    <phoneticPr fontId="1" type="noConversion"/>
  </si>
  <si>
    <r>
      <rPr>
        <sz val="10"/>
        <rFont val="標楷體"/>
        <family val="4"/>
        <charset val="136"/>
      </rPr>
      <t>專題研究</t>
    </r>
    <r>
      <rPr>
        <sz val="10"/>
        <rFont val="Times New Roman"/>
        <family val="1"/>
      </rPr>
      <t>(</t>
    </r>
    <r>
      <rPr>
        <sz val="10"/>
        <rFont val="標楷體"/>
        <family val="4"/>
        <charset val="136"/>
      </rPr>
      <t>二</t>
    </r>
    <r>
      <rPr>
        <sz val="10"/>
        <rFont val="Times New Roman"/>
        <family val="1"/>
      </rPr>
      <t>)</t>
    </r>
    <phoneticPr fontId="1" type="noConversion"/>
  </si>
  <si>
    <r>
      <rPr>
        <sz val="10"/>
        <rFont val="標楷體"/>
        <family val="4"/>
        <charset val="136"/>
      </rPr>
      <t>國際行銷</t>
    </r>
    <r>
      <rPr>
        <sz val="10"/>
        <rFont val="Times New Roman"/>
        <family val="1"/>
      </rPr>
      <t/>
    </r>
    <phoneticPr fontId="1" type="noConversion"/>
  </si>
  <si>
    <t>15149</t>
    <phoneticPr fontId="17" type="noConversion"/>
  </si>
  <si>
    <t>02084</t>
    <phoneticPr fontId="1" type="noConversion"/>
  </si>
  <si>
    <t>國際行銷-英</t>
    <phoneticPr fontId="1" type="noConversion"/>
  </si>
  <si>
    <t>必</t>
    <phoneticPr fontId="17" type="noConversion"/>
  </si>
  <si>
    <r>
      <t>輔仁大學</t>
    </r>
    <r>
      <rPr>
        <sz val="16"/>
        <rFont val="Times New Roman"/>
        <family val="1"/>
      </rPr>
      <t xml:space="preserve"> 106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t>程式設計概論</t>
  </si>
  <si>
    <t>24495</t>
  </si>
  <si>
    <r>
      <t>輔仁大學</t>
    </r>
    <r>
      <rPr>
        <sz val="16"/>
        <rFont val="Times New Roman"/>
        <family val="1"/>
      </rPr>
      <t xml:space="preserve"> 107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r>
      <t>輔仁大學</t>
    </r>
    <r>
      <rPr>
        <sz val="16"/>
        <rFont val="Times New Roman"/>
        <family val="1"/>
      </rPr>
      <t xml:space="preserve"> 108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t>02100</t>
    <phoneticPr fontId="20" type="noConversion"/>
  </si>
  <si>
    <t>03408</t>
  </si>
  <si>
    <t>15493</t>
  </si>
  <si>
    <r>
      <rPr>
        <sz val="11"/>
        <rFont val="標楷體"/>
        <family val="4"/>
        <charset val="136"/>
      </rPr>
      <t>系專業必選課程</t>
    </r>
    <phoneticPr fontId="1" type="noConversion"/>
  </si>
  <si>
    <r>
      <rPr>
        <sz val="10"/>
        <rFont val="標楷體"/>
        <family val="4"/>
        <charset val="136"/>
      </rPr>
      <t>期貨與選擇權</t>
    </r>
  </si>
  <si>
    <r>
      <rPr>
        <sz val="10"/>
        <rFont val="標楷體"/>
        <family val="4"/>
        <charset val="136"/>
      </rPr>
      <t>必</t>
    </r>
  </si>
  <si>
    <r>
      <rPr>
        <sz val="10"/>
        <rFont val="標楷體"/>
        <family val="4"/>
        <charset val="136"/>
      </rPr>
      <t>國際競合策略</t>
    </r>
  </si>
  <si>
    <r>
      <rPr>
        <sz val="10"/>
        <rFont val="標楷體"/>
        <family val="4"/>
        <charset val="136"/>
      </rPr>
      <t>必</t>
    </r>
    <phoneticPr fontId="1" type="noConversion"/>
  </si>
  <si>
    <r>
      <rPr>
        <sz val="10"/>
        <color indexed="10"/>
        <rFont val="標楷體"/>
        <family val="4"/>
        <charset val="136"/>
      </rPr>
      <t>必</t>
    </r>
    <phoneticPr fontId="17" type="noConversion"/>
  </si>
  <si>
    <r>
      <rPr>
        <sz val="10"/>
        <rFont val="標楷體"/>
        <family val="4"/>
        <charset val="136"/>
      </rPr>
      <t>必</t>
    </r>
    <phoneticPr fontId="20" type="noConversion"/>
  </si>
  <si>
    <r>
      <rPr>
        <sz val="10"/>
        <rFont val="標楷體"/>
        <family val="4"/>
        <charset val="136"/>
      </rPr>
      <t>必</t>
    </r>
    <phoneticPr fontId="1" type="noConversion"/>
  </si>
  <si>
    <r>
      <rPr>
        <sz val="10"/>
        <rFont val="標楷體"/>
        <family val="4"/>
        <charset val="136"/>
      </rPr>
      <t>國際貿易實務</t>
    </r>
    <phoneticPr fontId="20" type="noConversion"/>
  </si>
  <si>
    <r>
      <rPr>
        <sz val="10"/>
        <color indexed="10"/>
        <rFont val="標楷體"/>
        <family val="4"/>
        <charset val="136"/>
      </rPr>
      <t>國際行銷</t>
    </r>
    <r>
      <rPr>
        <sz val="10"/>
        <color indexed="10"/>
        <rFont val="Times New Roman"/>
        <family val="1"/>
      </rPr>
      <t>-</t>
    </r>
    <r>
      <rPr>
        <sz val="10"/>
        <color indexed="10"/>
        <rFont val="標楷體"/>
        <family val="4"/>
        <charset val="136"/>
      </rPr>
      <t>英</t>
    </r>
    <phoneticPr fontId="1" type="noConversion"/>
  </si>
  <si>
    <r>
      <rPr>
        <sz val="10"/>
        <rFont val="標楷體"/>
        <family val="4"/>
        <charset val="136"/>
      </rPr>
      <t>固定收益證券</t>
    </r>
    <phoneticPr fontId="1" type="noConversion"/>
  </si>
  <si>
    <r>
      <rPr>
        <sz val="10"/>
        <rFont val="標楷體"/>
        <family val="4"/>
        <charset val="136"/>
      </rPr>
      <t>必</t>
    </r>
    <phoneticPr fontId="1" type="noConversion"/>
  </si>
  <si>
    <t>00155</t>
    <phoneticPr fontId="1" type="noConversion"/>
  </si>
  <si>
    <t>人生哲學</t>
    <phoneticPr fontId="1" type="noConversion"/>
  </si>
  <si>
    <t>00007</t>
    <phoneticPr fontId="1" type="noConversion"/>
  </si>
  <si>
    <t>國文</t>
    <phoneticPr fontId="1" type="noConversion"/>
  </si>
  <si>
    <t>基本能力課程</t>
    <phoneticPr fontId="1" type="noConversion"/>
  </si>
  <si>
    <t>外國語文</t>
    <phoneticPr fontId="1" type="noConversion"/>
  </si>
  <si>
    <t>不開設全校性必修課程，改以學生需通過本校資訊基本能力檢定為畢業條件，檢定方式採認證或修讀相關課程方式抵免。</t>
    <phoneticPr fontId="1" type="noConversion"/>
  </si>
  <si>
    <t>ST00</t>
    <phoneticPr fontId="1" type="noConversion"/>
  </si>
  <si>
    <t>導師時間</t>
    <phoneticPr fontId="1" type="noConversion"/>
  </si>
  <si>
    <t>02795</t>
    <phoneticPr fontId="1" type="noConversion"/>
  </si>
  <si>
    <t>大學入門</t>
    <phoneticPr fontId="1" type="noConversion"/>
  </si>
  <si>
    <t>08824</t>
    <phoneticPr fontId="1" type="noConversion"/>
  </si>
  <si>
    <t>00001</t>
    <phoneticPr fontId="1" type="noConversion"/>
  </si>
  <si>
    <t>英文至少4學分，但入學考試或經檢定達一定標準者，得免修英文，逕選修讀第二外語課程。</t>
    <phoneticPr fontId="1" type="noConversion"/>
  </si>
  <si>
    <t>PT00</t>
    <phoneticPr fontId="1" type="noConversion"/>
  </si>
  <si>
    <t xml:space="preserve">「歷史與文化」納入通識涵養課程，於三領域課程中開設「歷史與文化」學群課程，學生至少於學群課程中修習2學分。
</t>
    <phoneticPr fontId="1" type="noConversion"/>
  </si>
  <si>
    <t>核心課程</t>
    <phoneticPr fontId="1" type="noConversion"/>
  </si>
  <si>
    <t>21020</t>
    <phoneticPr fontId="1" type="noConversion"/>
  </si>
  <si>
    <r>
      <t>輔仁大學</t>
    </r>
    <r>
      <rPr>
        <sz val="16"/>
        <rFont val="Times New Roman"/>
        <family val="1"/>
      </rPr>
      <t xml:space="preserve"> 109</t>
    </r>
    <r>
      <rPr>
        <sz val="16"/>
        <rFont val="標楷體"/>
        <family val="4"/>
        <charset val="136"/>
      </rPr>
      <t>學年度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學士班</t>
    </r>
    <r>
      <rPr>
        <sz val="16"/>
        <rFont val="Times New Roman"/>
        <family val="1"/>
      </rPr>
      <t xml:space="preserve">  </t>
    </r>
    <r>
      <rPr>
        <sz val="16"/>
        <rFont val="標楷體"/>
        <family val="4"/>
        <charset val="136"/>
      </rPr>
      <t>必修科目表</t>
    </r>
    <phoneticPr fontId="1" type="noConversion"/>
  </si>
  <si>
    <t>國際物流供應鏈管理</t>
    <phoneticPr fontId="27" type="noConversion"/>
  </si>
  <si>
    <t>教務長：</t>
  </si>
  <si>
    <t>或「國際企業管理-英」</t>
    <phoneticPr fontId="20" type="noConversion"/>
  </si>
  <si>
    <r>
      <rPr>
        <sz val="8"/>
        <color indexed="10"/>
        <rFont val="標楷體"/>
        <family val="4"/>
        <charset val="136"/>
      </rPr>
      <t>或「財務管理-英」</t>
    </r>
    <phoneticPr fontId="27" type="noConversion"/>
  </si>
  <si>
    <t>畢業英文門檻</t>
    <phoneticPr fontId="27" type="noConversion"/>
  </si>
  <si>
    <r>
      <rPr>
        <sz val="8"/>
        <rFont val="標楷體"/>
        <family val="4"/>
        <charset val="136"/>
      </rPr>
      <t>學生須於畢業前至少參加一次英文檢定考試，且成績應達</t>
    </r>
    <r>
      <rPr>
        <sz val="8"/>
        <rFont val="Times New Roman"/>
        <family val="1"/>
      </rPr>
      <t xml:space="preserve"> CEF </t>
    </r>
    <r>
      <rPr>
        <sz val="8"/>
        <rFont val="標楷體"/>
        <family val="4"/>
        <charset val="136"/>
      </rPr>
      <t>之</t>
    </r>
    <r>
      <rPr>
        <sz val="8"/>
        <rFont val="Times New Roman"/>
        <family val="1"/>
      </rPr>
      <t xml:space="preserve"> B2 </t>
    </r>
    <r>
      <rPr>
        <sz val="8"/>
        <rFont val="標楷體"/>
        <family val="4"/>
        <charset val="136"/>
      </rPr>
      <t>高階級（相當於</t>
    </r>
    <r>
      <rPr>
        <sz val="8"/>
        <rFont val="Times New Roman"/>
        <family val="1"/>
      </rPr>
      <t xml:space="preserve"> TOEIC </t>
    </r>
    <r>
      <rPr>
        <sz val="8"/>
        <rFont val="標楷體"/>
        <family val="4"/>
        <charset val="136"/>
      </rPr>
      <t>成績</t>
    </r>
    <r>
      <rPr>
        <sz val="8"/>
        <rFont val="Times New Roman"/>
        <family val="1"/>
      </rPr>
      <t xml:space="preserve"> 750 </t>
    </r>
    <r>
      <rPr>
        <sz val="8"/>
        <rFont val="標楷體"/>
        <family val="4"/>
        <charset val="136"/>
      </rPr>
      <t>分以上；</t>
    </r>
    <r>
      <rPr>
        <sz val="8"/>
        <rFont val="Times New Roman"/>
        <family val="1"/>
      </rPr>
      <t xml:space="preserve">iBT TOFEL </t>
    </r>
    <r>
      <rPr>
        <sz val="8"/>
        <rFont val="標楷體"/>
        <family val="4"/>
        <charset val="136"/>
      </rPr>
      <t>成績</t>
    </r>
    <r>
      <rPr>
        <sz val="8"/>
        <rFont val="Times New Roman"/>
        <family val="1"/>
      </rPr>
      <t xml:space="preserve"> 71 </t>
    </r>
    <r>
      <rPr>
        <sz val="8"/>
        <rFont val="標楷體"/>
        <family val="4"/>
        <charset val="136"/>
      </rPr>
      <t>分以上；</t>
    </r>
    <r>
      <rPr>
        <sz val="8"/>
        <rFont val="Times New Roman"/>
        <family val="1"/>
      </rPr>
      <t xml:space="preserve">IELS </t>
    </r>
    <r>
      <rPr>
        <sz val="8"/>
        <rFont val="標楷體"/>
        <family val="4"/>
        <charset val="136"/>
      </rPr>
      <t>成績</t>
    </r>
    <r>
      <rPr>
        <sz val="8"/>
        <rFont val="Times New Roman"/>
        <family val="1"/>
      </rPr>
      <t xml:space="preserve"> 6.0 </t>
    </r>
    <r>
      <rPr>
        <sz val="8"/>
        <rFont val="標楷體"/>
        <family val="4"/>
        <charset val="136"/>
      </rPr>
      <t>以上；全民英檢中高級複試通過）；大三上學期結束前未達前述標準者，須於大四參加管理學院舉辦之</t>
    </r>
    <r>
      <rPr>
        <sz val="8"/>
        <rFont val="Times New Roman"/>
        <family val="1"/>
      </rPr>
      <t xml:space="preserve"> 8 </t>
    </r>
    <r>
      <rPr>
        <sz val="8"/>
        <rFont val="標楷體"/>
        <family val="4"/>
        <charset val="136"/>
      </rPr>
      <t>次英語自學方案測驗（上學期</t>
    </r>
    <r>
      <rPr>
        <sz val="8"/>
        <rFont val="Times New Roman"/>
        <family val="1"/>
      </rPr>
      <t xml:space="preserve"> 4 </t>
    </r>
    <r>
      <rPr>
        <sz val="8"/>
        <rFont val="標楷體"/>
        <family val="4"/>
        <charset val="136"/>
      </rPr>
      <t>次、下學期</t>
    </r>
    <r>
      <rPr>
        <sz val="8"/>
        <rFont val="Times New Roman"/>
        <family val="1"/>
      </rPr>
      <t xml:space="preserve"> 4 </t>
    </r>
    <r>
      <rPr>
        <sz val="8"/>
        <rFont val="標楷體"/>
        <family val="4"/>
        <charset val="136"/>
      </rPr>
      <t>次，如上學期</t>
    </r>
    <r>
      <rPr>
        <sz val="8"/>
        <rFont val="Times New Roman"/>
        <family val="1"/>
      </rPr>
      <t xml:space="preserve"> 4 </t>
    </r>
    <r>
      <rPr>
        <sz val="8"/>
        <rFont val="標楷體"/>
        <family val="4"/>
        <charset val="136"/>
      </rPr>
      <t>次測驗成績平均高於</t>
    </r>
    <r>
      <rPr>
        <sz val="8"/>
        <rFont val="Times New Roman"/>
        <family val="1"/>
      </rPr>
      <t xml:space="preserve"> 80 </t>
    </r>
    <r>
      <rPr>
        <sz val="8"/>
        <rFont val="標楷體"/>
        <family val="4"/>
        <charset val="136"/>
      </rPr>
      <t>分者，則免參加下學期之測驗）或再次參加英文檢定考試，且成績達</t>
    </r>
    <r>
      <rPr>
        <sz val="8"/>
        <rFont val="Times New Roman"/>
        <family val="1"/>
      </rPr>
      <t xml:space="preserve"> CEF </t>
    </r>
    <r>
      <rPr>
        <sz val="8"/>
        <rFont val="標楷體"/>
        <family val="4"/>
        <charset val="136"/>
      </rPr>
      <t>之</t>
    </r>
    <r>
      <rPr>
        <sz val="8"/>
        <rFont val="Times New Roman"/>
        <family val="1"/>
      </rPr>
      <t xml:space="preserve"> B2 </t>
    </r>
    <r>
      <rPr>
        <sz val="8"/>
        <rFont val="標楷體"/>
        <family val="4"/>
        <charset val="136"/>
      </rPr>
      <t>高階級始有畢業資格。</t>
    </r>
    <phoneticPr fontId="27" type="noConversion"/>
  </si>
  <si>
    <t>英語專業課程</t>
    <phoneticPr fontId="27" type="noConversion"/>
  </si>
  <si>
    <r>
      <rPr>
        <sz val="8"/>
        <rFont val="標楷體"/>
        <family val="4"/>
        <charset val="136"/>
      </rPr>
      <t>學生於畢業前需至少修畢</t>
    </r>
    <r>
      <rPr>
        <sz val="8"/>
        <rFont val="Times New Roman"/>
        <family val="1"/>
      </rPr>
      <t xml:space="preserve"> 3 </t>
    </r>
    <r>
      <rPr>
        <sz val="8"/>
        <rFont val="標楷體"/>
        <family val="4"/>
        <charset val="136"/>
      </rPr>
      <t>學分本院開設之「以英語授課的專業課程」，始有畢業資格。</t>
    </r>
    <phoneticPr fontId="27" type="noConversion"/>
  </si>
  <si>
    <t>通識課程排除學群</t>
    <phoneticPr fontId="27" type="noConversion"/>
  </si>
  <si>
    <r>
      <rPr>
        <sz val="8"/>
        <rFont val="標楷體"/>
        <family val="4"/>
        <charset val="136"/>
      </rPr>
      <t>識課程排除學群（系上不承認之學群科目，請勿選讀）：管理類（</t>
    </r>
    <r>
      <rPr>
        <sz val="8"/>
        <rFont val="Times New Roman"/>
        <family val="1"/>
      </rPr>
      <t>STM8</t>
    </r>
    <r>
      <rPr>
        <sz val="8"/>
        <rFont val="標楷體"/>
        <family val="4"/>
        <charset val="136"/>
      </rPr>
      <t>）、經濟類（</t>
    </r>
    <r>
      <rPr>
        <sz val="8"/>
        <rFont val="Times New Roman"/>
        <family val="1"/>
      </rPr>
      <t>STQ8</t>
    </r>
    <r>
      <rPr>
        <sz val="8"/>
        <rFont val="標楷體"/>
        <family val="4"/>
        <charset val="136"/>
      </rPr>
      <t>）。</t>
    </r>
  </si>
  <si>
    <r>
      <t>1.</t>
    </r>
    <r>
      <rPr>
        <sz val="9"/>
        <rFont val="標楷體"/>
        <family val="4"/>
        <charset val="136"/>
      </rPr>
      <t>至少取得</t>
    </r>
    <r>
      <rPr>
        <sz val="9"/>
        <rFont val="Times New Roman"/>
        <family val="1"/>
      </rPr>
      <t>3</t>
    </r>
    <r>
      <rPr>
        <sz val="9"/>
        <rFont val="標楷體"/>
        <family val="4"/>
        <charset val="136"/>
      </rPr>
      <t>科</t>
    </r>
    <r>
      <rPr>
        <sz val="9"/>
        <rFont val="Times New Roman"/>
        <family val="1"/>
      </rPr>
      <t>9</t>
    </r>
    <r>
      <rPr>
        <sz val="9"/>
        <rFont val="標楷體"/>
        <family val="4"/>
        <charset val="136"/>
      </rPr>
      <t>學分</t>
    </r>
    <r>
      <rPr>
        <sz val="9"/>
        <rFont val="Times New Roman"/>
        <family val="1"/>
      </rPr>
      <t>(6</t>
    </r>
    <r>
      <rPr>
        <sz val="9"/>
        <rFont val="標楷體"/>
        <family val="4"/>
        <charset val="136"/>
      </rPr>
      <t>選</t>
    </r>
    <r>
      <rPr>
        <sz val="9"/>
        <rFont val="Times New Roman"/>
        <family val="1"/>
      </rPr>
      <t>3)</t>
    </r>
    <r>
      <rPr>
        <sz val="9"/>
        <rFont val="標楷體"/>
        <family val="4"/>
        <charset val="136"/>
      </rPr>
      <t xml:space="preserve">。
</t>
    </r>
    <r>
      <rPr>
        <sz val="9"/>
        <color indexed="10"/>
        <rFont val="Times New Roman"/>
        <family val="1"/>
      </rPr>
      <t>2.</t>
    </r>
    <r>
      <rPr>
        <sz val="9"/>
        <color indexed="10"/>
        <rFont val="標楷體"/>
        <family val="4"/>
        <charset val="136"/>
      </rPr>
      <t>「國際行銷」或「國際行銷</t>
    </r>
    <r>
      <rPr>
        <sz val="9"/>
        <color indexed="10"/>
        <rFont val="Times New Roman"/>
        <family val="1"/>
      </rPr>
      <t>-</t>
    </r>
    <r>
      <rPr>
        <sz val="9"/>
        <color indexed="10"/>
        <rFont val="標楷體"/>
        <family val="4"/>
        <charset val="136"/>
      </rPr>
      <t>英」兩科限擇一修讀</t>
    </r>
    <r>
      <rPr>
        <sz val="9"/>
        <color indexed="10"/>
        <rFont val="Times New Roman"/>
        <family val="1"/>
      </rPr>
      <t/>
    </r>
    <phoneticPr fontId="17" type="noConversion"/>
  </si>
  <si>
    <r>
      <rPr>
        <sz val="8"/>
        <color indexed="10"/>
        <rFont val="標楷體"/>
        <family val="4"/>
        <charset val="136"/>
      </rPr>
      <t>或「國際企業管理</t>
    </r>
    <r>
      <rPr>
        <sz val="8"/>
        <color indexed="10"/>
        <rFont val="Times New Roman"/>
        <family val="1"/>
      </rPr>
      <t>-</t>
    </r>
    <r>
      <rPr>
        <sz val="8"/>
        <color indexed="10"/>
        <rFont val="標楷體"/>
        <family val="4"/>
        <charset val="136"/>
      </rPr>
      <t>英」</t>
    </r>
    <phoneticPr fontId="20" type="noConversion"/>
  </si>
  <si>
    <r>
      <rPr>
        <sz val="7"/>
        <color indexed="10"/>
        <rFont val="標楷體"/>
        <family val="4"/>
        <charset val="136"/>
      </rPr>
      <t>或「國際企業管理</t>
    </r>
    <r>
      <rPr>
        <sz val="7"/>
        <color indexed="10"/>
        <rFont val="Times New Roman"/>
        <family val="1"/>
      </rPr>
      <t>-</t>
    </r>
    <r>
      <rPr>
        <sz val="7"/>
        <color indexed="10"/>
        <rFont val="標楷體"/>
        <family val="4"/>
        <charset val="136"/>
      </rPr>
      <t>英」</t>
    </r>
    <phoneticPr fontId="20" type="noConversion"/>
  </si>
  <si>
    <r>
      <t>1.</t>
    </r>
    <r>
      <rPr>
        <sz val="10"/>
        <rFont val="標楷體"/>
        <family val="4"/>
        <charset val="136"/>
      </rPr>
      <t>至少取得</t>
    </r>
    <r>
      <rPr>
        <sz val="10"/>
        <rFont val="Times New Roman"/>
        <family val="1"/>
      </rPr>
      <t>4</t>
    </r>
    <r>
      <rPr>
        <sz val="10"/>
        <rFont val="標楷體"/>
        <family val="4"/>
        <charset val="136"/>
      </rPr>
      <t>科</t>
    </r>
    <r>
      <rPr>
        <sz val="10"/>
        <rFont val="Times New Roman"/>
        <family val="1"/>
      </rPr>
      <t>12</t>
    </r>
    <r>
      <rPr>
        <sz val="10"/>
        <rFont val="標楷體"/>
        <family val="4"/>
        <charset val="136"/>
      </rPr>
      <t>學分</t>
    </r>
    <r>
      <rPr>
        <sz val="10"/>
        <rFont val="Times New Roman"/>
        <family val="1"/>
      </rPr>
      <t>(6</t>
    </r>
    <r>
      <rPr>
        <sz val="10"/>
        <rFont val="標楷體"/>
        <family val="4"/>
        <charset val="136"/>
      </rPr>
      <t>選</t>
    </r>
    <r>
      <rPr>
        <sz val="10"/>
        <rFont val="Times New Roman"/>
        <family val="1"/>
      </rPr>
      <t>4)</t>
    </r>
    <r>
      <rPr>
        <sz val="10"/>
        <rFont val="標楷體"/>
        <family val="4"/>
        <charset val="136"/>
      </rPr>
      <t xml:space="preserve">。
</t>
    </r>
    <r>
      <rPr>
        <sz val="10"/>
        <color indexed="10"/>
        <rFont val="Times New Roman"/>
        <family val="1"/>
      </rPr>
      <t>2.</t>
    </r>
    <r>
      <rPr>
        <sz val="10"/>
        <color indexed="10"/>
        <rFont val="標楷體"/>
        <family val="4"/>
        <charset val="136"/>
      </rPr>
      <t>「國際行銷」或「國際行銷</t>
    </r>
    <r>
      <rPr>
        <sz val="10"/>
        <color indexed="10"/>
        <rFont val="Times New Roman"/>
        <family val="1"/>
      </rPr>
      <t>-</t>
    </r>
    <r>
      <rPr>
        <sz val="10"/>
        <color indexed="10"/>
        <rFont val="標楷體"/>
        <family val="4"/>
        <charset val="136"/>
      </rPr>
      <t>英」兩科限擇一修讀</t>
    </r>
    <phoneticPr fontId="17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4">
    <font>
      <sz val="12"/>
      <color theme="1"/>
      <name val="新細明體"/>
      <family val="1"/>
      <charset val="136"/>
      <scheme val="minor"/>
    </font>
    <font>
      <sz val="9"/>
      <name val="新細明體"/>
      <family val="1"/>
      <charset val="136"/>
    </font>
    <font>
      <sz val="12"/>
      <name val="新細明體"/>
      <family val="1"/>
      <charset val="136"/>
    </font>
    <font>
      <sz val="16"/>
      <name val="Times New Roman"/>
      <family val="1"/>
    </font>
    <font>
      <sz val="16"/>
      <name val="標楷體"/>
      <family val="4"/>
      <charset val="136"/>
    </font>
    <font>
      <sz val="12"/>
      <name val="Times New Roman"/>
      <family val="1"/>
    </font>
    <font>
      <sz val="12"/>
      <name val="標楷體"/>
      <family val="4"/>
      <charset val="136"/>
    </font>
    <font>
      <sz val="10"/>
      <name val="標楷體"/>
      <family val="4"/>
      <charset val="136"/>
    </font>
    <font>
      <sz val="9"/>
      <name val="標楷體"/>
      <family val="4"/>
      <charset val="136"/>
    </font>
    <font>
      <sz val="8"/>
      <name val="標楷體"/>
      <family val="4"/>
      <charset val="136"/>
    </font>
    <font>
      <sz val="10"/>
      <name val="Times New Roman"/>
      <family val="1"/>
    </font>
    <font>
      <sz val="10"/>
      <name val="新細明體"/>
      <family val="1"/>
      <charset val="136"/>
    </font>
    <font>
      <sz val="8"/>
      <name val="Times New Roman"/>
      <family val="1"/>
    </font>
    <font>
      <sz val="11"/>
      <name val="標楷體"/>
      <family val="4"/>
      <charset val="136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10"/>
      <color indexed="10"/>
      <name val="Times New Roman"/>
      <family val="1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9"/>
      <name val="Times New Roman"/>
      <family val="1"/>
    </font>
    <font>
      <sz val="9"/>
      <color indexed="10"/>
      <name val="Times New Roman"/>
      <family val="1"/>
    </font>
    <font>
      <sz val="10"/>
      <color indexed="10"/>
      <name val="標楷體"/>
      <family val="4"/>
      <charset val="136"/>
    </font>
    <font>
      <sz val="7"/>
      <color indexed="10"/>
      <name val="Times New Roman"/>
      <family val="1"/>
    </font>
    <font>
      <sz val="11"/>
      <name val="Times New Roman"/>
      <family val="1"/>
    </font>
    <font>
      <sz val="8"/>
      <color indexed="10"/>
      <name val="Times New Roman"/>
      <family val="1"/>
    </font>
    <font>
      <sz val="9"/>
      <name val="新細明體"/>
      <family val="1"/>
      <charset val="136"/>
    </font>
    <font>
      <sz val="12"/>
      <color rgb="FFFF0000"/>
      <name val="Times New Roman"/>
      <family val="1"/>
    </font>
    <font>
      <sz val="10"/>
      <color theme="1"/>
      <name val="標楷體"/>
      <family val="4"/>
      <charset val="136"/>
    </font>
    <font>
      <sz val="10"/>
      <color theme="1"/>
      <name val="Times New Roman"/>
      <family val="1"/>
    </font>
    <font>
      <sz val="6"/>
      <color rgb="FFFF0000"/>
      <name val="標楷體"/>
      <family val="4"/>
      <charset val="136"/>
    </font>
    <font>
      <sz val="10"/>
      <color rgb="FFFF0000"/>
      <name val="標楷體"/>
      <family val="4"/>
      <charset val="136"/>
    </font>
    <font>
      <sz val="10"/>
      <color rgb="FFFF0000"/>
      <name val="Times New Roman"/>
      <family val="1"/>
    </font>
    <font>
      <sz val="10"/>
      <color rgb="FFFF0000"/>
      <name val="細明體"/>
      <family val="3"/>
      <charset val="136"/>
    </font>
    <font>
      <sz val="7"/>
      <color rgb="FFFF0000"/>
      <name val="Times New Roman"/>
      <family val="1"/>
    </font>
    <font>
      <sz val="8"/>
      <color rgb="FFFF0000"/>
      <name val="Times New Roman"/>
      <family val="1"/>
    </font>
    <font>
      <sz val="6"/>
      <color rgb="FFFF0000"/>
      <name val="新細明體"/>
      <family val="1"/>
      <charset val="136"/>
    </font>
    <font>
      <sz val="12"/>
      <color rgb="FFFF0000"/>
      <name val="標楷體"/>
      <family val="4"/>
      <charset val="136"/>
    </font>
    <font>
      <sz val="9"/>
      <color indexed="10"/>
      <name val="標楷體"/>
      <family val="4"/>
      <charset val="136"/>
    </font>
    <font>
      <sz val="8"/>
      <color indexed="10"/>
      <name val="標楷體"/>
      <family val="4"/>
      <charset val="136"/>
    </font>
    <font>
      <sz val="8"/>
      <color rgb="FFFF0000"/>
      <name val="標楷體"/>
      <family val="4"/>
      <charset val="136"/>
    </font>
    <font>
      <sz val="12"/>
      <name val="Times New Roman"/>
      <family val="4"/>
      <charset val="136"/>
    </font>
    <font>
      <sz val="7"/>
      <color indexed="10"/>
      <name val="標楷體"/>
      <family val="4"/>
      <charset val="136"/>
    </font>
  </fonts>
  <fills count="4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2" fillId="0" borderId="0"/>
    <xf numFmtId="0" fontId="2" fillId="0" borderId="0"/>
    <xf numFmtId="0" fontId="2" fillId="0" borderId="0"/>
  </cellStyleXfs>
  <cellXfs count="240">
    <xf numFmtId="0" fontId="0" fillId="0" borderId="0" xfId="0">
      <alignment vertical="center"/>
    </xf>
    <xf numFmtId="0" fontId="28" fillId="0" borderId="1" xfId="3" applyFont="1" applyBorder="1" applyAlignment="1">
      <alignment horizontal="center" vertical="center" wrapText="1"/>
    </xf>
    <xf numFmtId="0" fontId="28" fillId="0" borderId="2" xfId="3" applyFont="1" applyBorder="1" applyAlignment="1">
      <alignment horizontal="center" vertical="center" wrapText="1"/>
    </xf>
    <xf numFmtId="0" fontId="5" fillId="0" borderId="0" xfId="3" applyFont="1"/>
    <xf numFmtId="0" fontId="2" fillId="0" borderId="0" xfId="1"/>
    <xf numFmtId="0" fontId="6" fillId="0" borderId="3" xfId="1" applyFont="1" applyBorder="1" applyAlignment="1"/>
    <xf numFmtId="0" fontId="6" fillId="0" borderId="0" xfId="1" applyFont="1"/>
    <xf numFmtId="0" fontId="6" fillId="2" borderId="4" xfId="1" applyFont="1" applyFill="1" applyBorder="1" applyAlignment="1">
      <alignment horizontal="center" vertical="top" wrapText="1"/>
    </xf>
    <xf numFmtId="0" fontId="7" fillId="0" borderId="4" xfId="1" applyFont="1" applyBorder="1" applyAlignment="1">
      <alignment horizontal="justify" vertical="top" wrapText="1"/>
    </xf>
    <xf numFmtId="0" fontId="7" fillId="0" borderId="4" xfId="1" applyFont="1" applyBorder="1" applyAlignment="1">
      <alignment horizontal="center" vertical="top" wrapText="1"/>
    </xf>
    <xf numFmtId="0" fontId="10" fillId="0" borderId="4" xfId="1" applyFont="1" applyBorder="1" applyAlignment="1">
      <alignment horizontal="center" vertical="top" wrapText="1"/>
    </xf>
    <xf numFmtId="0" fontId="9" fillId="0" borderId="4" xfId="1" applyFont="1" applyBorder="1" applyAlignment="1">
      <alignment vertical="top" wrapText="1"/>
    </xf>
    <xf numFmtId="0" fontId="11" fillId="0" borderId="0" xfId="1" applyFont="1"/>
    <xf numFmtId="0" fontId="7" fillId="0" borderId="5" xfId="1" applyFont="1" applyBorder="1" applyAlignment="1">
      <alignment horizontal="justify" vertical="top" wrapText="1"/>
    </xf>
    <xf numFmtId="0" fontId="7" fillId="0" borderId="5" xfId="1" applyFont="1" applyBorder="1" applyAlignment="1">
      <alignment horizontal="center" vertical="top" wrapText="1"/>
    </xf>
    <xf numFmtId="0" fontId="10" fillId="0" borderId="5" xfId="1" applyFont="1" applyBorder="1" applyAlignment="1">
      <alignment horizontal="center" vertical="top" wrapText="1"/>
    </xf>
    <xf numFmtId="0" fontId="9" fillId="0" borderId="6" xfId="1" applyFont="1" applyBorder="1" applyAlignment="1">
      <alignment vertical="top" wrapText="1"/>
    </xf>
    <xf numFmtId="0" fontId="7" fillId="0" borderId="7" xfId="1" applyFont="1" applyBorder="1" applyAlignment="1">
      <alignment horizontal="justify" vertical="top" wrapText="1"/>
    </xf>
    <xf numFmtId="0" fontId="9" fillId="0" borderId="8" xfId="1" applyFont="1" applyBorder="1" applyAlignment="1">
      <alignment vertical="top" wrapText="1"/>
    </xf>
    <xf numFmtId="0" fontId="7" fillId="0" borderId="9" xfId="1" applyFont="1" applyBorder="1" applyAlignment="1">
      <alignment horizontal="center" vertical="top" wrapText="1"/>
    </xf>
    <xf numFmtId="0" fontId="10" fillId="0" borderId="9" xfId="1" applyFont="1" applyBorder="1" applyAlignment="1">
      <alignment horizontal="center" vertical="top" wrapText="1"/>
    </xf>
    <xf numFmtId="0" fontId="7" fillId="0" borderId="10" xfId="1" applyFont="1" applyBorder="1" applyAlignment="1">
      <alignment horizontal="justify" vertical="top" wrapText="1"/>
    </xf>
    <xf numFmtId="0" fontId="7" fillId="0" borderId="10" xfId="1" applyFont="1" applyBorder="1" applyAlignment="1">
      <alignment horizontal="center" vertical="top" wrapText="1"/>
    </xf>
    <xf numFmtId="0" fontId="10" fillId="0" borderId="10" xfId="1" applyFont="1" applyBorder="1" applyAlignment="1">
      <alignment horizontal="center" vertical="top" wrapText="1"/>
    </xf>
    <xf numFmtId="0" fontId="9" fillId="0" borderId="10" xfId="1" applyFont="1" applyBorder="1" applyAlignment="1">
      <alignment vertical="top" wrapText="1"/>
    </xf>
    <xf numFmtId="0" fontId="7" fillId="0" borderId="11" xfId="1" applyFont="1" applyBorder="1" applyAlignment="1">
      <alignment horizontal="justify" vertical="top" wrapText="1"/>
    </xf>
    <xf numFmtId="0" fontId="7" fillId="0" borderId="12" xfId="1" applyFont="1" applyBorder="1" applyAlignment="1">
      <alignment horizontal="center" vertical="top" wrapText="1"/>
    </xf>
    <xf numFmtId="0" fontId="10" fillId="0" borderId="12" xfId="1" applyFont="1" applyBorder="1" applyAlignment="1">
      <alignment horizontal="center" vertical="top" wrapText="1"/>
    </xf>
    <xf numFmtId="0" fontId="9" fillId="0" borderId="7" xfId="1" applyFont="1" applyBorder="1" applyAlignment="1">
      <alignment vertical="top" wrapText="1"/>
    </xf>
    <xf numFmtId="0" fontId="29" fillId="0" borderId="4" xfId="1" applyFont="1" applyBorder="1" applyAlignment="1">
      <alignment horizontal="justify" vertical="center" wrapText="1"/>
    </xf>
    <xf numFmtId="0" fontId="29" fillId="0" borderId="4" xfId="1" applyFont="1" applyBorder="1" applyAlignment="1">
      <alignment horizontal="center" vertical="center" wrapText="1"/>
    </xf>
    <xf numFmtId="0" fontId="30" fillId="0" borderId="4" xfId="1" applyFont="1" applyBorder="1" applyAlignment="1">
      <alignment horizontal="center" vertical="center" wrapText="1"/>
    </xf>
    <xf numFmtId="0" fontId="30" fillId="0" borderId="9" xfId="1" applyFont="1" applyBorder="1" applyAlignment="1">
      <alignment horizontal="center" vertical="center" wrapText="1"/>
    </xf>
    <xf numFmtId="0" fontId="31" fillId="0" borderId="4" xfId="1" applyFont="1" applyBorder="1" applyAlignment="1">
      <alignment vertical="top" wrapText="1"/>
    </xf>
    <xf numFmtId="0" fontId="29" fillId="3" borderId="10" xfId="1" applyFont="1" applyFill="1" applyBorder="1" applyAlignment="1">
      <alignment horizontal="justify" vertical="center" wrapText="1"/>
    </xf>
    <xf numFmtId="0" fontId="29" fillId="0" borderId="10" xfId="1" applyFont="1" applyBorder="1" applyAlignment="1">
      <alignment horizontal="center" vertical="center" wrapText="1"/>
    </xf>
    <xf numFmtId="0" fontId="30" fillId="0" borderId="10" xfId="1" applyFont="1" applyBorder="1" applyAlignment="1">
      <alignment horizontal="center" vertical="center" wrapText="1"/>
    </xf>
    <xf numFmtId="0" fontId="31" fillId="0" borderId="10" xfId="1" applyFont="1" applyBorder="1" applyAlignment="1">
      <alignment vertical="top" wrapText="1"/>
    </xf>
    <xf numFmtId="0" fontId="7" fillId="0" borderId="7" xfId="1" applyFont="1" applyBorder="1" applyAlignment="1">
      <alignment horizontal="center" vertical="top" wrapText="1"/>
    </xf>
    <xf numFmtId="0" fontId="10" fillId="0" borderId="7" xfId="1" applyFont="1" applyBorder="1" applyAlignment="1">
      <alignment horizontal="center" vertical="top" wrapText="1"/>
    </xf>
    <xf numFmtId="0" fontId="12" fillId="2" borderId="13" xfId="3" applyFont="1" applyFill="1" applyBorder="1" applyAlignment="1">
      <alignment horizontal="center" vertical="center" wrapText="1"/>
    </xf>
    <xf numFmtId="0" fontId="12" fillId="2" borderId="14" xfId="3" applyFont="1" applyFill="1" applyBorder="1" applyAlignment="1">
      <alignment horizontal="center" vertical="center" wrapText="1"/>
    </xf>
    <xf numFmtId="49" fontId="10" fillId="0" borderId="9" xfId="2" applyNumberFormat="1" applyFont="1" applyBorder="1" applyAlignment="1">
      <alignment horizontal="center" vertical="top" wrapText="1"/>
    </xf>
    <xf numFmtId="49" fontId="10" fillId="0" borderId="4" xfId="2" applyNumberFormat="1" applyFont="1" applyBorder="1" applyAlignment="1">
      <alignment horizontal="center" vertical="top" wrapText="1"/>
    </xf>
    <xf numFmtId="49" fontId="10" fillId="0" borderId="5" xfId="1" applyNumberFormat="1" applyFont="1" applyBorder="1" applyAlignment="1">
      <alignment horizontal="justify" vertical="top" wrapText="1"/>
    </xf>
    <xf numFmtId="49" fontId="10" fillId="0" borderId="12" xfId="1" applyNumberFormat="1" applyFont="1" applyBorder="1" applyAlignment="1">
      <alignment horizontal="center" vertical="top" wrapText="1"/>
    </xf>
    <xf numFmtId="49" fontId="30" fillId="0" borderId="4" xfId="1" applyNumberFormat="1" applyFont="1" applyBorder="1" applyAlignment="1">
      <alignment horizontal="justify" vertical="center" wrapText="1"/>
    </xf>
    <xf numFmtId="49" fontId="30" fillId="0" borderId="10" xfId="1" applyNumberFormat="1" applyFont="1" applyBorder="1" applyAlignment="1">
      <alignment horizontal="justify" vertical="center" wrapText="1"/>
    </xf>
    <xf numFmtId="49" fontId="10" fillId="0" borderId="4" xfId="1" applyNumberFormat="1" applyFont="1" applyBorder="1" applyAlignment="1">
      <alignment horizontal="center" vertical="top" wrapText="1"/>
    </xf>
    <xf numFmtId="0" fontId="7" fillId="0" borderId="4" xfId="2" applyFont="1" applyBorder="1" applyAlignment="1">
      <alignment horizontal="left" vertical="top" wrapText="1"/>
    </xf>
    <xf numFmtId="0" fontId="7" fillId="0" borderId="4" xfId="2" applyFont="1" applyBorder="1" applyAlignment="1">
      <alignment horizontal="center" vertical="top" wrapText="1"/>
    </xf>
    <xf numFmtId="0" fontId="10" fillId="0" borderId="4" xfId="2" applyFont="1" applyBorder="1" applyAlignment="1">
      <alignment horizontal="center" vertical="top" wrapText="1"/>
    </xf>
    <xf numFmtId="0" fontId="9" fillId="0" borderId="4" xfId="2" applyFont="1" applyBorder="1" applyAlignment="1">
      <alignment vertical="top" wrapText="1"/>
    </xf>
    <xf numFmtId="0" fontId="2" fillId="0" borderId="0" xfId="2"/>
    <xf numFmtId="0" fontId="7" fillId="0" borderId="7" xfId="2" applyFont="1" applyBorder="1" applyAlignment="1">
      <alignment horizontal="left" vertical="top" wrapText="1"/>
    </xf>
    <xf numFmtId="49" fontId="10" fillId="0" borderId="7" xfId="2" applyNumberFormat="1" applyFont="1" applyBorder="1" applyAlignment="1">
      <alignment horizontal="center" vertical="top" wrapText="1"/>
    </xf>
    <xf numFmtId="0" fontId="7" fillId="0" borderId="7" xfId="2" applyFont="1" applyBorder="1" applyAlignment="1">
      <alignment horizontal="center" vertical="top" wrapText="1"/>
    </xf>
    <xf numFmtId="0" fontId="10" fillId="0" borderId="7" xfId="2" applyFont="1" applyBorder="1" applyAlignment="1">
      <alignment horizontal="center" vertical="top" wrapText="1"/>
    </xf>
    <xf numFmtId="0" fontId="7" fillId="0" borderId="8" xfId="1" applyFont="1" applyBorder="1" applyAlignment="1">
      <alignment horizontal="justify" vertical="top" wrapText="1"/>
    </xf>
    <xf numFmtId="49" fontId="10" fillId="0" borderId="15" xfId="2" applyNumberFormat="1" applyFont="1" applyBorder="1" applyAlignment="1">
      <alignment horizontal="center" vertical="top" wrapText="1"/>
    </xf>
    <xf numFmtId="0" fontId="7" fillId="0" borderId="15" xfId="1" applyFont="1" applyBorder="1" applyAlignment="1">
      <alignment horizontal="center" vertical="top" wrapText="1"/>
    </xf>
    <xf numFmtId="0" fontId="10" fillId="0" borderId="15" xfId="1" applyFont="1" applyBorder="1" applyAlignment="1">
      <alignment horizontal="center" vertical="top" wrapText="1"/>
    </xf>
    <xf numFmtId="49" fontId="10" fillId="0" borderId="7" xfId="1" applyNumberFormat="1" applyFont="1" applyBorder="1" applyAlignment="1">
      <alignment horizontal="center" vertical="top" wrapText="1"/>
    </xf>
    <xf numFmtId="49" fontId="10" fillId="0" borderId="5" xfId="1" applyNumberFormat="1" applyFont="1" applyBorder="1" applyAlignment="1">
      <alignment horizontal="center" vertical="top" wrapText="1"/>
    </xf>
    <xf numFmtId="0" fontId="7" fillId="0" borderId="8" xfId="2" applyFont="1" applyBorder="1" applyAlignment="1">
      <alignment horizontal="left" vertical="top" wrapText="1"/>
    </xf>
    <xf numFmtId="49" fontId="10" fillId="0" borderId="8" xfId="2" applyNumberFormat="1" applyFont="1" applyBorder="1" applyAlignment="1">
      <alignment horizontal="center" vertical="top" wrapText="1"/>
    </xf>
    <xf numFmtId="0" fontId="7" fillId="0" borderId="8" xfId="2" applyFont="1" applyBorder="1" applyAlignment="1">
      <alignment horizontal="center" vertical="top" wrapText="1"/>
    </xf>
    <xf numFmtId="0" fontId="10" fillId="0" borderId="8" xfId="2" applyFont="1" applyBorder="1" applyAlignment="1">
      <alignment horizontal="center" vertical="top" wrapText="1"/>
    </xf>
    <xf numFmtId="0" fontId="9" fillId="0" borderId="8" xfId="2" applyFont="1" applyBorder="1" applyAlignment="1">
      <alignment vertical="top" wrapText="1"/>
    </xf>
    <xf numFmtId="0" fontId="7" fillId="0" borderId="5" xfId="2" applyFont="1" applyBorder="1" applyAlignment="1">
      <alignment horizontal="left" vertical="top" wrapText="1"/>
    </xf>
    <xf numFmtId="49" fontId="10" fillId="0" borderId="5" xfId="2" applyNumberFormat="1" applyFont="1" applyBorder="1" applyAlignment="1">
      <alignment horizontal="center" vertical="top" wrapText="1"/>
    </xf>
    <xf numFmtId="0" fontId="7" fillId="0" borderId="5" xfId="2" applyFont="1" applyBorder="1" applyAlignment="1">
      <alignment horizontal="center" vertical="top" wrapText="1"/>
    </xf>
    <xf numFmtId="0" fontId="10" fillId="0" borderId="5" xfId="2" applyFont="1" applyBorder="1" applyAlignment="1">
      <alignment horizontal="center" vertical="top" wrapText="1"/>
    </xf>
    <xf numFmtId="0" fontId="9" fillId="0" borderId="5" xfId="2" applyFont="1" applyBorder="1" applyAlignment="1">
      <alignment vertical="top" wrapText="1"/>
    </xf>
    <xf numFmtId="0" fontId="7" fillId="0" borderId="10" xfId="2" applyFont="1" applyBorder="1" applyAlignment="1">
      <alignment horizontal="left" vertical="top" wrapText="1"/>
    </xf>
    <xf numFmtId="49" fontId="10" fillId="0" borderId="10" xfId="2" applyNumberFormat="1" applyFont="1" applyBorder="1" applyAlignment="1">
      <alignment horizontal="center" vertical="top" wrapText="1"/>
    </xf>
    <xf numFmtId="0" fontId="7" fillId="0" borderId="10" xfId="2" applyFont="1" applyBorder="1" applyAlignment="1">
      <alignment horizontal="center" vertical="top" wrapText="1"/>
    </xf>
    <xf numFmtId="0" fontId="10" fillId="0" borderId="10" xfId="2" applyFont="1" applyBorder="1" applyAlignment="1">
      <alignment horizontal="center" vertical="top" wrapText="1"/>
    </xf>
    <xf numFmtId="0" fontId="7" fillId="0" borderId="4" xfId="2" applyFont="1" applyFill="1" applyBorder="1" applyAlignment="1">
      <alignment horizontal="left" vertical="top" wrapText="1"/>
    </xf>
    <xf numFmtId="0" fontId="8" fillId="0" borderId="5" xfId="1" applyFont="1" applyBorder="1" applyAlignment="1">
      <alignment horizontal="justify" vertical="top" wrapText="1"/>
    </xf>
    <xf numFmtId="0" fontId="10" fillId="0" borderId="8" xfId="2" applyFont="1" applyBorder="1" applyAlignment="1">
      <alignment horizontal="left" vertical="top" wrapText="1"/>
    </xf>
    <xf numFmtId="0" fontId="12" fillId="0" borderId="8" xfId="2" applyFont="1" applyBorder="1" applyAlignment="1">
      <alignment vertical="top" wrapText="1"/>
    </xf>
    <xf numFmtId="0" fontId="10" fillId="0" borderId="4" xfId="2" applyFont="1" applyBorder="1" applyAlignment="1">
      <alignment horizontal="left" vertical="top" wrapText="1"/>
    </xf>
    <xf numFmtId="0" fontId="12" fillId="0" borderId="4" xfId="2" applyFont="1" applyBorder="1" applyAlignment="1">
      <alignment vertical="top" wrapText="1"/>
    </xf>
    <xf numFmtId="0" fontId="10" fillId="0" borderId="4" xfId="2" applyFont="1" applyFill="1" applyBorder="1" applyAlignment="1">
      <alignment horizontal="left" vertical="top" wrapText="1"/>
    </xf>
    <xf numFmtId="0" fontId="10" fillId="0" borderId="5" xfId="2" applyFont="1" applyBorder="1" applyAlignment="1">
      <alignment horizontal="left" vertical="top" wrapText="1"/>
    </xf>
    <xf numFmtId="0" fontId="12" fillId="0" borderId="5" xfId="2" applyFont="1" applyBorder="1" applyAlignment="1">
      <alignment vertical="top" wrapText="1"/>
    </xf>
    <xf numFmtId="0" fontId="32" fillId="0" borderId="4" xfId="2" applyFont="1" applyBorder="1" applyAlignment="1">
      <alignment horizontal="left" vertical="top" wrapText="1"/>
    </xf>
    <xf numFmtId="49" fontId="33" fillId="0" borderId="4" xfId="2" applyNumberFormat="1" applyFont="1" applyBorder="1" applyAlignment="1">
      <alignment horizontal="center" vertical="top" wrapText="1"/>
    </xf>
    <xf numFmtId="0" fontId="34" fillId="0" borderId="4" xfId="2" applyFont="1" applyBorder="1" applyAlignment="1">
      <alignment horizontal="center" vertical="top" wrapText="1"/>
    </xf>
    <xf numFmtId="0" fontId="33" fillId="0" borderId="4" xfId="2" applyFont="1" applyBorder="1" applyAlignment="1">
      <alignment horizontal="center" vertical="top" wrapText="1"/>
    </xf>
    <xf numFmtId="0" fontId="35" fillId="0" borderId="4" xfId="2" applyFont="1" applyBorder="1" applyAlignment="1">
      <alignment vertical="top" wrapText="1"/>
    </xf>
    <xf numFmtId="0" fontId="33" fillId="0" borderId="4" xfId="2" applyFont="1" applyBorder="1" applyAlignment="1">
      <alignment horizontal="left" vertical="top" wrapText="1"/>
    </xf>
    <xf numFmtId="0" fontId="36" fillId="0" borderId="4" xfId="2" applyFont="1" applyBorder="1" applyAlignment="1">
      <alignment vertical="top" wrapText="1"/>
    </xf>
    <xf numFmtId="0" fontId="6" fillId="0" borderId="16" xfId="1" applyFont="1" applyBorder="1" applyAlignment="1">
      <alignment vertical="center" wrapText="1"/>
    </xf>
    <xf numFmtId="0" fontId="6" fillId="0" borderId="17" xfId="1" applyFont="1" applyBorder="1" applyAlignment="1">
      <alignment vertical="center" wrapText="1"/>
    </xf>
    <xf numFmtId="49" fontId="10" fillId="0" borderId="10" xfId="1" applyNumberFormat="1" applyFont="1" applyBorder="1" applyAlignment="1">
      <alignment horizontal="center" vertical="top" wrapText="1"/>
    </xf>
    <xf numFmtId="0" fontId="7" fillId="0" borderId="18" xfId="1" applyFont="1" applyBorder="1" applyAlignment="1">
      <alignment horizontal="center" vertical="top" wrapText="1"/>
    </xf>
    <xf numFmtId="0" fontId="10" fillId="0" borderId="18" xfId="1" applyFont="1" applyBorder="1" applyAlignment="1">
      <alignment horizontal="center" vertical="top" wrapText="1"/>
    </xf>
    <xf numFmtId="49" fontId="10" fillId="0" borderId="18" xfId="2" applyNumberFormat="1" applyFont="1" applyBorder="1" applyAlignment="1">
      <alignment horizontal="center" vertical="top" wrapText="1"/>
    </xf>
    <xf numFmtId="49" fontId="10" fillId="0" borderId="18" xfId="1" applyNumberFormat="1" applyFont="1" applyBorder="1" applyAlignment="1">
      <alignment horizontal="center" vertical="top" wrapText="1"/>
    </xf>
    <xf numFmtId="0" fontId="9" fillId="0" borderId="15" xfId="1" applyFont="1" applyBorder="1" applyAlignment="1">
      <alignment vertical="top" wrapText="1"/>
    </xf>
    <xf numFmtId="0" fontId="7" fillId="0" borderId="19" xfId="1" applyFont="1" applyBorder="1" applyAlignment="1">
      <alignment vertical="center" wrapText="1" readingOrder="2"/>
    </xf>
    <xf numFmtId="0" fontId="7" fillId="0" borderId="19" xfId="1" applyFont="1" applyBorder="1" applyAlignment="1">
      <alignment horizontal="center" vertical="top" wrapText="1"/>
    </xf>
    <xf numFmtId="0" fontId="10" fillId="0" borderId="19" xfId="1" applyFont="1" applyBorder="1" applyAlignment="1">
      <alignment horizontal="center" vertical="top" wrapText="1"/>
    </xf>
    <xf numFmtId="0" fontId="10" fillId="0" borderId="19" xfId="1" applyFont="1" applyBorder="1" applyAlignment="1">
      <alignment horizontal="center" vertical="center" wrapText="1"/>
    </xf>
    <xf numFmtId="0" fontId="28" fillId="0" borderId="1" xfId="3" applyFont="1" applyFill="1" applyBorder="1" applyAlignment="1">
      <alignment horizontal="center" vertical="center" wrapText="1"/>
    </xf>
    <xf numFmtId="0" fontId="28" fillId="0" borderId="2" xfId="3" applyFont="1" applyFill="1" applyBorder="1" applyAlignment="1">
      <alignment horizontal="center" vertical="center" wrapText="1"/>
    </xf>
    <xf numFmtId="0" fontId="8" fillId="0" borderId="20" xfId="1" applyFont="1" applyBorder="1" applyAlignment="1">
      <alignment horizontal="justify" vertical="top" wrapText="1"/>
    </xf>
    <xf numFmtId="49" fontId="10" fillId="0" borderId="20" xfId="1" applyNumberFormat="1" applyFont="1" applyBorder="1" applyAlignment="1">
      <alignment horizontal="center" vertical="top" wrapText="1"/>
    </xf>
    <xf numFmtId="0" fontId="8" fillId="0" borderId="4" xfId="2" applyFont="1" applyBorder="1" applyAlignment="1">
      <alignment horizontal="left" vertical="top" wrapText="1"/>
    </xf>
    <xf numFmtId="0" fontId="38" fillId="0" borderId="0" xfId="1" applyFont="1"/>
    <xf numFmtId="0" fontId="40" fillId="0" borderId="4" xfId="2" applyFont="1" applyBorder="1" applyAlignment="1">
      <alignment vertical="top" wrapText="1"/>
    </xf>
    <xf numFmtId="0" fontId="5" fillId="0" borderId="0" xfId="1" applyFont="1" applyAlignment="1">
      <alignment horizontal="left" vertical="top" wrapText="1"/>
    </xf>
    <xf numFmtId="0" fontId="42" fillId="0" borderId="0" xfId="1" applyFont="1"/>
    <xf numFmtId="0" fontId="41" fillId="0" borderId="4" xfId="2" applyFont="1" applyBorder="1" applyAlignment="1">
      <alignment horizontal="center" vertical="center" wrapText="1"/>
    </xf>
    <xf numFmtId="0" fontId="42" fillId="0" borderId="0" xfId="1" applyFont="1" applyAlignment="1">
      <alignment vertical="top" wrapText="1"/>
    </xf>
    <xf numFmtId="0" fontId="5" fillId="0" borderId="0" xfId="1" applyFont="1" applyAlignment="1">
      <alignment vertical="top" wrapText="1"/>
    </xf>
    <xf numFmtId="0" fontId="12" fillId="2" borderId="33" xfId="3" applyFont="1" applyFill="1" applyBorder="1" applyAlignment="1">
      <alignment horizontal="left" vertical="center" wrapText="1"/>
    </xf>
    <xf numFmtId="0" fontId="12" fillId="2" borderId="30" xfId="3" applyFont="1" applyFill="1" applyBorder="1" applyAlignment="1">
      <alignment horizontal="left" vertical="center" wrapText="1"/>
    </xf>
    <xf numFmtId="0" fontId="12" fillId="2" borderId="34" xfId="3" applyFont="1" applyFill="1" applyBorder="1" applyAlignment="1">
      <alignment horizontal="left" vertical="center" wrapText="1"/>
    </xf>
    <xf numFmtId="0" fontId="12" fillId="2" borderId="32" xfId="3" applyFont="1" applyFill="1" applyBorder="1" applyAlignment="1">
      <alignment horizontal="left" vertical="center" wrapText="1"/>
    </xf>
    <xf numFmtId="0" fontId="10" fillId="0" borderId="18" xfId="2" applyFont="1" applyBorder="1" applyAlignment="1">
      <alignment horizontal="left" vertical="center" wrapText="1"/>
    </xf>
    <xf numFmtId="0" fontId="10" fillId="0" borderId="6" xfId="2" applyFont="1" applyBorder="1" applyAlignment="1">
      <alignment horizontal="left" vertical="center" wrapText="1"/>
    </xf>
    <xf numFmtId="0" fontId="4" fillId="0" borderId="0" xfId="1" applyFont="1" applyAlignment="1">
      <alignment horizontal="center"/>
    </xf>
    <xf numFmtId="0" fontId="6" fillId="2" borderId="16" xfId="1" applyFont="1" applyFill="1" applyBorder="1" applyAlignment="1">
      <alignment horizontal="center" vertical="center" textRotation="255" wrapText="1"/>
    </xf>
    <xf numFmtId="0" fontId="6" fillId="2" borderId="21" xfId="1" applyFont="1" applyFill="1" applyBorder="1" applyAlignment="1">
      <alignment horizontal="center" vertical="center" textRotation="255" wrapText="1"/>
    </xf>
    <xf numFmtId="0" fontId="6" fillId="2" borderId="4" xfId="1" applyFont="1" applyFill="1" applyBorder="1" applyAlignment="1">
      <alignment horizontal="center" vertical="center" textRotation="255" wrapText="1"/>
    </xf>
    <xf numFmtId="0" fontId="5" fillId="2" borderId="9" xfId="1" applyFont="1" applyFill="1" applyBorder="1" applyAlignment="1">
      <alignment horizontal="center" vertical="center" wrapText="1"/>
    </xf>
    <xf numFmtId="0" fontId="5" fillId="2" borderId="7" xfId="1" applyFont="1" applyFill="1" applyBorder="1" applyAlignment="1">
      <alignment horizontal="center" vertical="center" wrapText="1"/>
    </xf>
    <xf numFmtId="0" fontId="6" fillId="2" borderId="9" xfId="1" applyFont="1" applyFill="1" applyBorder="1" applyAlignment="1">
      <alignment horizontal="center" vertical="center" wrapText="1"/>
    </xf>
    <xf numFmtId="0" fontId="6" fillId="2" borderId="7" xfId="1" applyFont="1" applyFill="1" applyBorder="1" applyAlignment="1">
      <alignment horizontal="center" vertical="center" wrapText="1"/>
    </xf>
    <xf numFmtId="0" fontId="7" fillId="2" borderId="4" xfId="1" applyFont="1" applyFill="1" applyBorder="1" applyAlignment="1">
      <alignment horizontal="center" vertical="center" wrapText="1"/>
    </xf>
    <xf numFmtId="0" fontId="8" fillId="2" borderId="4" xfId="1" applyFont="1" applyFill="1" applyBorder="1" applyAlignment="1">
      <alignment horizontal="center" vertical="center" wrapText="1"/>
    </xf>
    <xf numFmtId="0" fontId="9" fillId="2" borderId="4" xfId="1" applyFont="1" applyFill="1" applyBorder="1" applyAlignment="1">
      <alignment horizontal="center" wrapText="1"/>
    </xf>
    <xf numFmtId="0" fontId="5" fillId="0" borderId="29" xfId="3" applyFont="1" applyBorder="1" applyAlignment="1">
      <alignment horizontal="center" vertical="center" wrapText="1"/>
    </xf>
    <xf numFmtId="0" fontId="5" fillId="0" borderId="35" xfId="3" applyFont="1" applyBorder="1" applyAlignment="1">
      <alignment horizontal="center" vertical="center" wrapText="1"/>
    </xf>
    <xf numFmtId="0" fontId="7" fillId="0" borderId="18" xfId="2" applyFont="1" applyBorder="1" applyAlignment="1">
      <alignment horizontal="center" vertical="center" wrapText="1"/>
    </xf>
    <xf numFmtId="0" fontId="7" fillId="0" borderId="6" xfId="2" applyFont="1" applyBorder="1" applyAlignment="1">
      <alignment horizontal="center" vertical="center" wrapText="1"/>
    </xf>
    <xf numFmtId="0" fontId="12" fillId="2" borderId="33" xfId="3" applyFont="1" applyFill="1" applyBorder="1" applyAlignment="1">
      <alignment horizontal="center" vertical="center" wrapText="1"/>
    </xf>
    <xf numFmtId="0" fontId="12" fillId="2" borderId="30" xfId="3" applyFont="1" applyFill="1" applyBorder="1" applyAlignment="1">
      <alignment horizontal="center" vertical="center" wrapText="1"/>
    </xf>
    <xf numFmtId="0" fontId="12" fillId="2" borderId="34" xfId="3" applyFont="1" applyFill="1" applyBorder="1" applyAlignment="1">
      <alignment horizontal="center" vertical="center" wrapText="1"/>
    </xf>
    <xf numFmtId="0" fontId="12" fillId="2" borderId="32" xfId="3" applyFont="1" applyFill="1" applyBorder="1" applyAlignment="1">
      <alignment horizontal="center" vertical="center" wrapText="1"/>
    </xf>
    <xf numFmtId="0" fontId="5" fillId="0" borderId="33" xfId="3" applyFont="1" applyBorder="1" applyAlignment="1">
      <alignment horizontal="center" vertical="center" wrapText="1"/>
    </xf>
    <xf numFmtId="0" fontId="5" fillId="0" borderId="34" xfId="3" applyFont="1" applyBorder="1" applyAlignment="1">
      <alignment horizontal="center" vertical="center" wrapText="1"/>
    </xf>
    <xf numFmtId="0" fontId="12" fillId="2" borderId="37" xfId="3" applyFont="1" applyFill="1" applyBorder="1" applyAlignment="1">
      <alignment horizontal="center" vertical="center" wrapText="1"/>
    </xf>
    <xf numFmtId="0" fontId="12" fillId="2" borderId="38" xfId="3" applyFont="1" applyFill="1" applyBorder="1" applyAlignment="1">
      <alignment horizontal="center" vertical="center" wrapText="1"/>
    </xf>
    <xf numFmtId="0" fontId="28" fillId="0" borderId="27" xfId="3" applyFont="1" applyBorder="1" applyAlignment="1">
      <alignment horizontal="center" vertical="center" wrapText="1"/>
    </xf>
    <xf numFmtId="0" fontId="28" fillId="0" borderId="0" xfId="3" applyFont="1" applyBorder="1" applyAlignment="1">
      <alignment horizontal="center" vertical="center" wrapText="1"/>
    </xf>
    <xf numFmtId="0" fontId="28" fillId="0" borderId="31" xfId="3" applyFont="1" applyBorder="1" applyAlignment="1">
      <alignment horizontal="center" vertical="center" wrapText="1"/>
    </xf>
    <xf numFmtId="0" fontId="28" fillId="0" borderId="39" xfId="3" applyFont="1" applyBorder="1" applyAlignment="1">
      <alignment horizontal="center" vertical="center" wrapText="1"/>
    </xf>
    <xf numFmtId="0" fontId="6" fillId="0" borderId="16" xfId="1" applyFont="1" applyBorder="1" applyAlignment="1">
      <alignment horizontal="center" vertical="center" wrapText="1"/>
    </xf>
    <xf numFmtId="0" fontId="6" fillId="0" borderId="17" xfId="1" applyFont="1" applyBorder="1" applyAlignment="1">
      <alignment horizontal="center" vertical="center" wrapText="1"/>
    </xf>
    <xf numFmtId="0" fontId="6" fillId="0" borderId="22" xfId="1" applyFont="1" applyBorder="1" applyAlignment="1">
      <alignment horizontal="center" vertical="center" wrapText="1"/>
    </xf>
    <xf numFmtId="0" fontId="6" fillId="0" borderId="23" xfId="1" applyFont="1" applyBorder="1" applyAlignment="1">
      <alignment horizontal="center" vertical="center" wrapText="1"/>
    </xf>
    <xf numFmtId="0" fontId="7" fillId="0" borderId="15" xfId="1" applyFont="1" applyBorder="1" applyAlignment="1">
      <alignment horizontal="center" vertical="center" textRotation="255" wrapText="1"/>
    </xf>
    <xf numFmtId="0" fontId="7" fillId="0" borderId="18" xfId="1" applyFont="1" applyBorder="1" applyAlignment="1">
      <alignment horizontal="center" vertical="center" textRotation="255" wrapText="1"/>
    </xf>
    <xf numFmtId="0" fontId="7" fillId="0" borderId="6" xfId="1" applyFont="1" applyBorder="1" applyAlignment="1">
      <alignment horizontal="center" vertical="center" textRotation="255" wrapText="1"/>
    </xf>
    <xf numFmtId="0" fontId="7" fillId="0" borderId="15" xfId="1" applyFont="1" applyBorder="1" applyAlignment="1">
      <alignment horizontal="center" vertical="center" wrapText="1" readingOrder="2"/>
    </xf>
    <xf numFmtId="0" fontId="7" fillId="0" borderId="18" xfId="1" applyFont="1" applyBorder="1" applyAlignment="1">
      <alignment horizontal="center" vertical="center" wrapText="1" readingOrder="2"/>
    </xf>
    <xf numFmtId="0" fontId="7" fillId="0" borderId="24" xfId="1" applyFont="1" applyBorder="1" applyAlignment="1">
      <alignment horizontal="center" vertical="center" wrapText="1" readingOrder="2"/>
    </xf>
    <xf numFmtId="0" fontId="10" fillId="0" borderId="15" xfId="1" applyFont="1" applyBorder="1" applyAlignment="1">
      <alignment horizontal="center" vertical="center" wrapText="1"/>
    </xf>
    <xf numFmtId="0" fontId="10" fillId="0" borderId="18" xfId="1" applyFont="1" applyBorder="1" applyAlignment="1">
      <alignment horizontal="center" vertical="center" wrapText="1"/>
    </xf>
    <xf numFmtId="0" fontId="10" fillId="0" borderId="6" xfId="1" applyFont="1" applyBorder="1" applyAlignment="1">
      <alignment horizontal="center" vertical="center" wrapText="1"/>
    </xf>
    <xf numFmtId="0" fontId="12" fillId="2" borderId="40" xfId="3" applyFont="1" applyFill="1" applyBorder="1" applyAlignment="1">
      <alignment horizontal="center" vertical="center" wrapText="1"/>
    </xf>
    <xf numFmtId="0" fontId="12" fillId="2" borderId="41" xfId="3" applyFont="1" applyFill="1" applyBorder="1" applyAlignment="1">
      <alignment horizontal="center" vertical="center" wrapText="1"/>
    </xf>
    <xf numFmtId="0" fontId="12" fillId="2" borderId="26" xfId="3" applyFont="1" applyFill="1" applyBorder="1" applyAlignment="1">
      <alignment horizontal="center" vertical="center" wrapText="1"/>
    </xf>
    <xf numFmtId="0" fontId="12" fillId="2" borderId="39" xfId="3" applyFont="1" applyFill="1" applyBorder="1" applyAlignment="1">
      <alignment horizontal="center" vertical="center" wrapText="1"/>
    </xf>
    <xf numFmtId="0" fontId="12" fillId="2" borderId="42" xfId="3" applyFont="1" applyFill="1" applyBorder="1" applyAlignment="1">
      <alignment horizontal="center" vertical="center" wrapText="1"/>
    </xf>
    <xf numFmtId="0" fontId="28" fillId="0" borderId="30" xfId="3" applyFont="1" applyBorder="1" applyAlignment="1">
      <alignment horizontal="center" vertical="center" wrapText="1"/>
    </xf>
    <xf numFmtId="0" fontId="28" fillId="0" borderId="32" xfId="3" applyFont="1" applyBorder="1" applyAlignment="1">
      <alignment horizontal="center" vertical="center" wrapText="1"/>
    </xf>
    <xf numFmtId="0" fontId="13" fillId="0" borderId="18" xfId="1" applyFont="1" applyBorder="1" applyAlignment="1">
      <alignment horizontal="center" vertical="center" textRotation="255" wrapText="1"/>
    </xf>
    <xf numFmtId="0" fontId="13" fillId="0" borderId="6" xfId="1" applyFont="1" applyBorder="1" applyAlignment="1">
      <alignment horizontal="center" vertical="center" textRotation="255" wrapText="1"/>
    </xf>
    <xf numFmtId="0" fontId="7" fillId="0" borderId="15" xfId="2" applyFont="1" applyBorder="1" applyAlignment="1">
      <alignment horizontal="center" vertical="distributed" wrapText="1"/>
    </xf>
    <xf numFmtId="0" fontId="2" fillId="0" borderId="18" xfId="2" applyBorder="1" applyAlignment="1">
      <alignment vertical="distributed"/>
    </xf>
    <xf numFmtId="0" fontId="2" fillId="0" borderId="24" xfId="2" applyBorder="1" applyAlignment="1">
      <alignment vertical="distributed"/>
    </xf>
    <xf numFmtId="0" fontId="10" fillId="0" borderId="7" xfId="1" applyFont="1" applyBorder="1" applyAlignment="1">
      <alignment horizontal="center" vertical="center" wrapText="1"/>
    </xf>
    <xf numFmtId="0" fontId="10" fillId="0" borderId="4" xfId="1" applyFont="1" applyBorder="1" applyAlignment="1">
      <alignment horizontal="center" vertical="center" wrapText="1"/>
    </xf>
    <xf numFmtId="0" fontId="10" fillId="0" borderId="10" xfId="1" applyFont="1" applyBorder="1" applyAlignment="1">
      <alignment horizontal="center" vertical="center" wrapText="1"/>
    </xf>
    <xf numFmtId="0" fontId="31" fillId="0" borderId="12" xfId="1" applyFont="1" applyBorder="1" applyAlignment="1">
      <alignment vertical="top" wrapText="1"/>
    </xf>
    <xf numFmtId="0" fontId="37" fillId="0" borderId="18" xfId="1" applyFont="1" applyBorder="1" applyAlignment="1">
      <alignment vertical="top" wrapText="1"/>
    </xf>
    <xf numFmtId="0" fontId="37" fillId="0" borderId="6" xfId="1" applyFont="1" applyBorder="1" applyAlignment="1">
      <alignment vertical="top" wrapText="1"/>
    </xf>
    <xf numFmtId="0" fontId="10" fillId="0" borderId="15" xfId="2" applyFont="1" applyBorder="1" applyAlignment="1">
      <alignment horizontal="center" vertical="center" wrapText="1"/>
    </xf>
    <xf numFmtId="0" fontId="10" fillId="0" borderId="18" xfId="2" applyFont="1" applyBorder="1" applyAlignment="1">
      <alignment horizontal="center" vertical="center" wrapText="1"/>
    </xf>
    <xf numFmtId="0" fontId="10" fillId="0" borderId="6" xfId="2" applyFont="1" applyBorder="1" applyAlignment="1">
      <alignment horizontal="center" vertical="center" wrapText="1"/>
    </xf>
    <xf numFmtId="0" fontId="10" fillId="0" borderId="15" xfId="2" applyFont="1" applyFill="1" applyBorder="1" applyAlignment="1">
      <alignment horizontal="center" vertical="center" wrapText="1"/>
    </xf>
    <xf numFmtId="0" fontId="10" fillId="0" borderId="18" xfId="2" applyFont="1" applyFill="1" applyBorder="1" applyAlignment="1">
      <alignment horizontal="center" vertical="center" wrapText="1"/>
    </xf>
    <xf numFmtId="0" fontId="10" fillId="0" borderId="6" xfId="2" applyFont="1" applyFill="1" applyBorder="1" applyAlignment="1">
      <alignment horizontal="center" vertical="center" wrapText="1"/>
    </xf>
    <xf numFmtId="0" fontId="10" fillId="0" borderId="8" xfId="1" applyFont="1" applyBorder="1" applyAlignment="1">
      <alignment horizontal="center" vertical="center" wrapText="1"/>
    </xf>
    <xf numFmtId="0" fontId="7" fillId="0" borderId="18" xfId="1" applyFont="1" applyBorder="1" applyAlignment="1">
      <alignment horizontal="center" vertical="center" wrapText="1" readingOrder="1"/>
    </xf>
    <xf numFmtId="0" fontId="7" fillId="0" borderId="6" xfId="1" applyFont="1" applyBorder="1" applyAlignment="1">
      <alignment horizontal="center" vertical="center" wrapText="1" readingOrder="1"/>
    </xf>
    <xf numFmtId="0" fontId="10" fillId="0" borderId="5" xfId="1" applyFont="1" applyBorder="1" applyAlignment="1">
      <alignment horizontal="center" vertical="center" wrapText="1"/>
    </xf>
    <xf numFmtId="0" fontId="6" fillId="0" borderId="25" xfId="2" applyFont="1" applyBorder="1" applyAlignment="1">
      <alignment horizontal="center" vertical="center" textRotation="255" wrapText="1"/>
    </xf>
    <xf numFmtId="0" fontId="6" fillId="0" borderId="26" xfId="2" applyFont="1" applyBorder="1" applyAlignment="1">
      <alignment horizontal="center" vertical="center" textRotation="255" wrapText="1"/>
    </xf>
    <xf numFmtId="0" fontId="6" fillId="0" borderId="27" xfId="2" applyFont="1" applyBorder="1" applyAlignment="1">
      <alignment horizontal="center" vertical="center" textRotation="255" wrapText="1"/>
    </xf>
    <xf numFmtId="0" fontId="6" fillId="0" borderId="28" xfId="2" applyFont="1" applyBorder="1" applyAlignment="1">
      <alignment horizontal="center" vertical="center" textRotation="255" wrapText="1"/>
    </xf>
    <xf numFmtId="0" fontId="6" fillId="0" borderId="22" xfId="2" applyFont="1" applyBorder="1" applyAlignment="1">
      <alignment horizontal="center" vertical="center" textRotation="255" wrapText="1"/>
    </xf>
    <xf numFmtId="0" fontId="6" fillId="0" borderId="23" xfId="2" applyFont="1" applyBorder="1" applyAlignment="1">
      <alignment horizontal="center" vertical="center" textRotation="255" wrapText="1"/>
    </xf>
    <xf numFmtId="0" fontId="7" fillId="0" borderId="12" xfId="1" applyFont="1" applyBorder="1" applyAlignment="1">
      <alignment horizontal="center" vertical="center" wrapText="1" readingOrder="1"/>
    </xf>
    <xf numFmtId="0" fontId="7" fillId="0" borderId="24" xfId="1" applyFont="1" applyBorder="1" applyAlignment="1">
      <alignment horizontal="center" vertical="center" wrapText="1" readingOrder="1"/>
    </xf>
    <xf numFmtId="0" fontId="10" fillId="0" borderId="11" xfId="1" applyFont="1" applyBorder="1" applyAlignment="1">
      <alignment horizontal="center" vertical="center" wrapText="1"/>
    </xf>
    <xf numFmtId="0" fontId="5" fillId="0" borderId="43" xfId="3" applyFont="1" applyBorder="1" applyAlignment="1">
      <alignment horizontal="left"/>
    </xf>
    <xf numFmtId="0" fontId="6" fillId="0" borderId="43" xfId="3" applyFont="1" applyBorder="1" applyAlignment="1">
      <alignment horizontal="left"/>
    </xf>
    <xf numFmtId="0" fontId="41" fillId="0" borderId="44" xfId="3" applyFont="1" applyFill="1" applyBorder="1" applyAlignment="1">
      <alignment horizontal="center" vertical="center" wrapText="1"/>
    </xf>
    <xf numFmtId="0" fontId="9" fillId="0" borderId="46" xfId="3" applyFont="1" applyFill="1" applyBorder="1" applyAlignment="1">
      <alignment horizontal="center" vertical="center" wrapText="1"/>
    </xf>
    <xf numFmtId="0" fontId="12" fillId="0" borderId="44" xfId="3" applyFont="1" applyBorder="1" applyAlignment="1">
      <alignment horizontal="left" vertical="center" wrapText="1"/>
    </xf>
    <xf numFmtId="0" fontId="12" fillId="0" borderId="45" xfId="3" applyFont="1" applyBorder="1" applyAlignment="1">
      <alignment horizontal="left" vertical="center" wrapText="1"/>
    </xf>
    <xf numFmtId="0" fontId="12" fillId="0" borderId="46" xfId="3" applyFont="1" applyBorder="1" applyAlignment="1">
      <alignment horizontal="left" vertical="center" wrapText="1"/>
    </xf>
    <xf numFmtId="0" fontId="41" fillId="0" borderId="47" xfId="3" applyFont="1" applyFill="1" applyBorder="1" applyAlignment="1">
      <alignment horizontal="center" vertical="center" wrapText="1"/>
    </xf>
    <xf numFmtId="0" fontId="41" fillId="0" borderId="49" xfId="3" applyFont="1" applyFill="1" applyBorder="1" applyAlignment="1">
      <alignment horizontal="center" vertical="center" wrapText="1"/>
    </xf>
    <xf numFmtId="0" fontId="12" fillId="0" borderId="47" xfId="3" applyFont="1" applyBorder="1" applyAlignment="1">
      <alignment horizontal="left" vertical="center" wrapText="1"/>
    </xf>
    <xf numFmtId="0" fontId="12" fillId="0" borderId="48" xfId="3" applyFont="1" applyBorder="1" applyAlignment="1">
      <alignment horizontal="left" vertical="center" wrapText="1"/>
    </xf>
    <xf numFmtId="0" fontId="12" fillId="0" borderId="49" xfId="3" applyFont="1" applyBorder="1" applyAlignment="1">
      <alignment horizontal="left" vertical="center" wrapText="1"/>
    </xf>
    <xf numFmtId="0" fontId="41" fillId="0" borderId="50" xfId="3" applyFont="1" applyFill="1" applyBorder="1" applyAlignment="1">
      <alignment horizontal="center" vertical="center" wrapText="1"/>
    </xf>
    <xf numFmtId="0" fontId="41" fillId="0" borderId="2" xfId="3" applyFont="1" applyFill="1" applyBorder="1" applyAlignment="1">
      <alignment horizontal="center" vertical="center" wrapText="1"/>
    </xf>
    <xf numFmtId="0" fontId="12" fillId="0" borderId="50" xfId="3" applyFont="1" applyBorder="1" applyAlignment="1">
      <alignment horizontal="left" vertical="center" wrapText="1"/>
    </xf>
    <xf numFmtId="0" fontId="12" fillId="0" borderId="36" xfId="3" applyFont="1" applyBorder="1" applyAlignment="1">
      <alignment horizontal="left" vertical="center" wrapText="1"/>
    </xf>
    <xf numFmtId="0" fontId="12" fillId="0" borderId="2" xfId="3" applyFont="1" applyBorder="1" applyAlignment="1">
      <alignment horizontal="left" vertical="center" wrapText="1"/>
    </xf>
    <xf numFmtId="0" fontId="10" fillId="0" borderId="15" xfId="2" applyFont="1" applyBorder="1" applyAlignment="1">
      <alignment horizontal="left" vertical="center" wrapText="1"/>
    </xf>
    <xf numFmtId="0" fontId="13" fillId="0" borderId="25" xfId="1" applyFont="1" applyBorder="1" applyAlignment="1">
      <alignment horizontal="center" vertical="center" textRotation="255" wrapText="1"/>
    </xf>
    <xf numFmtId="0" fontId="13" fillId="0" borderId="26" xfId="1" applyFont="1" applyBorder="1" applyAlignment="1">
      <alignment horizontal="center" vertical="center" textRotation="255" wrapText="1"/>
    </xf>
    <xf numFmtId="0" fontId="13" fillId="0" borderId="27" xfId="1" applyFont="1" applyBorder="1" applyAlignment="1">
      <alignment horizontal="center" vertical="center" textRotation="255" wrapText="1"/>
    </xf>
    <xf numFmtId="0" fontId="13" fillId="0" borderId="28" xfId="1" applyFont="1" applyBorder="1" applyAlignment="1">
      <alignment horizontal="center" vertical="center" textRotation="255" wrapText="1"/>
    </xf>
    <xf numFmtId="0" fontId="13" fillId="0" borderId="22" xfId="1" applyFont="1" applyBorder="1" applyAlignment="1">
      <alignment horizontal="center" vertical="center" textRotation="255" wrapText="1"/>
    </xf>
    <xf numFmtId="0" fontId="13" fillId="0" borderId="23" xfId="1" applyFont="1" applyBorder="1" applyAlignment="1">
      <alignment horizontal="center" vertical="center" textRotation="255" wrapText="1"/>
    </xf>
    <xf numFmtId="0" fontId="21" fillId="0" borderId="15" xfId="2" applyFont="1" applyBorder="1" applyAlignment="1">
      <alignment horizontal="left" vertical="center" wrapText="1"/>
    </xf>
    <xf numFmtId="0" fontId="21" fillId="0" borderId="18" xfId="2" applyFont="1" applyBorder="1" applyAlignment="1">
      <alignment horizontal="left" vertical="center" wrapText="1"/>
    </xf>
    <xf numFmtId="0" fontId="21" fillId="0" borderId="6" xfId="2" applyFont="1" applyBorder="1" applyAlignment="1">
      <alignment horizontal="left" vertical="center" wrapText="1"/>
    </xf>
    <xf numFmtId="0" fontId="25" fillId="0" borderId="25" xfId="1" applyFont="1" applyBorder="1" applyAlignment="1">
      <alignment horizontal="center" vertical="center" textRotation="255" wrapText="1"/>
    </xf>
    <xf numFmtId="0" fontId="25" fillId="0" borderId="26" xfId="1" applyFont="1" applyBorder="1" applyAlignment="1">
      <alignment horizontal="center" vertical="center" textRotation="255" wrapText="1"/>
    </xf>
    <xf numFmtId="0" fontId="25" fillId="0" borderId="27" xfId="1" applyFont="1" applyBorder="1" applyAlignment="1">
      <alignment horizontal="center" vertical="center" textRotation="255" wrapText="1"/>
    </xf>
    <xf numFmtId="0" fontId="25" fillId="0" borderId="28" xfId="1" applyFont="1" applyBorder="1" applyAlignment="1">
      <alignment horizontal="center" vertical="center" textRotation="255" wrapText="1"/>
    </xf>
    <xf numFmtId="0" fontId="25" fillId="0" borderId="22" xfId="1" applyFont="1" applyBorder="1" applyAlignment="1">
      <alignment horizontal="center" vertical="center" textRotation="255" wrapText="1"/>
    </xf>
    <xf numFmtId="0" fontId="25" fillId="0" borderId="23" xfId="1" applyFont="1" applyBorder="1" applyAlignment="1">
      <alignment horizontal="center" vertical="center" textRotation="255" wrapText="1"/>
    </xf>
    <xf numFmtId="0" fontId="12" fillId="2" borderId="0" xfId="3" applyFont="1" applyFill="1" applyBorder="1" applyAlignment="1">
      <alignment horizontal="center" vertical="center" wrapText="1"/>
    </xf>
    <xf numFmtId="0" fontId="12" fillId="2" borderId="28" xfId="3" applyFont="1" applyFill="1" applyBorder="1" applyAlignment="1">
      <alignment horizontal="center" vertical="center" wrapText="1"/>
    </xf>
    <xf numFmtId="0" fontId="10" fillId="0" borderId="24" xfId="1" applyFont="1" applyBorder="1" applyAlignment="1">
      <alignment horizontal="center" vertical="center" wrapText="1"/>
    </xf>
    <xf numFmtId="0" fontId="7" fillId="0" borderId="25" xfId="1" applyFont="1" applyBorder="1" applyAlignment="1">
      <alignment horizontal="center" vertical="center" textRotation="255" wrapText="1"/>
    </xf>
    <xf numFmtId="0" fontId="7" fillId="0" borderId="27" xfId="1" applyFont="1" applyBorder="1" applyAlignment="1">
      <alignment horizontal="center" vertical="center" textRotation="255" wrapText="1"/>
    </xf>
    <xf numFmtId="0" fontId="37" fillId="0" borderId="24" xfId="1" applyFont="1" applyBorder="1" applyAlignment="1">
      <alignment vertical="top" wrapText="1"/>
    </xf>
  </cellXfs>
  <cellStyles count="4">
    <cellStyle name="一般" xfId="0" builtinId="0"/>
    <cellStyle name="一般 2" xfId="1"/>
    <cellStyle name="一般_必修科目表-金融與國際企業學系" xfId="2"/>
    <cellStyle name="一般_經濟系_99必修科目課程基準表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3"/>
  <sheetViews>
    <sheetView tabSelected="1" topLeftCell="A28" zoomScaleNormal="100" workbookViewId="0">
      <selection activeCell="D49" sqref="D49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3.36328125" style="4" customWidth="1"/>
    <col min="18" max="16384" width="9" style="4"/>
  </cols>
  <sheetData>
    <row r="1" spans="1:17" ht="21.5">
      <c r="A1" s="124" t="s">
        <v>109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>
      <c r="A5" s="151" t="s">
        <v>28</v>
      </c>
      <c r="B5" s="152"/>
      <c r="C5" s="8" t="s">
        <v>25</v>
      </c>
      <c r="D5" s="48" t="s">
        <v>44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6.5" customHeight="1" thickBot="1">
      <c r="A6" s="153"/>
      <c r="B6" s="154"/>
      <c r="C6" s="79" t="s">
        <v>99</v>
      </c>
      <c r="D6" s="44"/>
      <c r="E6" s="14" t="s">
        <v>26</v>
      </c>
      <c r="F6" s="15">
        <v>0</v>
      </c>
      <c r="G6" s="15">
        <v>0</v>
      </c>
      <c r="H6" s="15">
        <v>0</v>
      </c>
      <c r="I6" s="15"/>
      <c r="J6" s="15"/>
      <c r="K6" s="15"/>
      <c r="L6" s="15"/>
      <c r="M6" s="15"/>
      <c r="N6" s="15"/>
      <c r="O6" s="15">
        <v>0</v>
      </c>
      <c r="P6" s="10">
        <v>0</v>
      </c>
      <c r="Q6" s="16"/>
    </row>
    <row r="7" spans="1:17" s="12" customFormat="1" ht="15.75" customHeight="1" thickTop="1">
      <c r="A7" s="155" t="s">
        <v>9</v>
      </c>
      <c r="B7" s="158" t="s">
        <v>29</v>
      </c>
      <c r="C7" s="58" t="s">
        <v>17</v>
      </c>
      <c r="D7" s="59" t="s">
        <v>45</v>
      </c>
      <c r="E7" s="60" t="s">
        <v>10</v>
      </c>
      <c r="F7" s="61">
        <v>2</v>
      </c>
      <c r="G7" s="61">
        <v>2</v>
      </c>
      <c r="H7" s="61"/>
      <c r="I7" s="61"/>
      <c r="J7" s="61"/>
      <c r="K7" s="61"/>
      <c r="L7" s="61"/>
      <c r="M7" s="61"/>
      <c r="N7" s="61"/>
      <c r="O7" s="161">
        <v>32</v>
      </c>
      <c r="P7" s="188">
        <v>8</v>
      </c>
      <c r="Q7" s="18"/>
    </row>
    <row r="8" spans="1:17" s="12" customFormat="1" ht="15.75" customHeight="1">
      <c r="A8" s="156"/>
      <c r="B8" s="159"/>
      <c r="C8" s="8" t="s">
        <v>18</v>
      </c>
      <c r="D8" s="42" t="s">
        <v>46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77"/>
      <c r="Q8" s="11"/>
    </row>
    <row r="9" spans="1:17" s="12" customFormat="1" ht="15.75" customHeight="1">
      <c r="A9" s="156"/>
      <c r="B9" s="159"/>
      <c r="C9" s="8" t="s">
        <v>98</v>
      </c>
      <c r="D9" s="43" t="s">
        <v>47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77"/>
      <c r="Q9" s="11"/>
    </row>
    <row r="10" spans="1:17" s="12" customFormat="1" ht="15.75" customHeight="1" thickBot="1">
      <c r="A10" s="156"/>
      <c r="B10" s="160"/>
      <c r="C10" s="21" t="s">
        <v>24</v>
      </c>
      <c r="D10" s="42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178"/>
      <c r="Q10" s="24"/>
    </row>
    <row r="11" spans="1:17" s="12" customFormat="1" ht="15.75" customHeight="1">
      <c r="A11" s="156"/>
      <c r="B11" s="198" t="s">
        <v>30</v>
      </c>
      <c r="C11" s="25" t="s">
        <v>19</v>
      </c>
      <c r="D11" s="45" t="s">
        <v>43</v>
      </c>
      <c r="E11" s="26" t="s">
        <v>10</v>
      </c>
      <c r="F11" s="27">
        <v>4</v>
      </c>
      <c r="G11" s="27">
        <v>2</v>
      </c>
      <c r="H11" s="27">
        <v>2</v>
      </c>
      <c r="I11" s="27"/>
      <c r="J11" s="27"/>
      <c r="K11" s="27"/>
      <c r="L11" s="27"/>
      <c r="M11" s="27"/>
      <c r="N11" s="27"/>
      <c r="O11" s="162"/>
      <c r="P11" s="176">
        <v>12</v>
      </c>
      <c r="Q11" s="28"/>
    </row>
    <row r="12" spans="1:17" s="12" customFormat="1" ht="36" customHeight="1">
      <c r="A12" s="156"/>
      <c r="B12" s="189"/>
      <c r="C12" s="29" t="s">
        <v>20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31</v>
      </c>
    </row>
    <row r="13" spans="1:17" s="12" customFormat="1" ht="49.5" customHeight="1" thickBot="1">
      <c r="A13" s="156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38</v>
      </c>
    </row>
    <row r="14" spans="1:17" s="12" customFormat="1" ht="15.75" customHeight="1">
      <c r="A14" s="156"/>
      <c r="B14" s="189" t="s">
        <v>33</v>
      </c>
      <c r="C14" s="17" t="s">
        <v>21</v>
      </c>
      <c r="D14" s="62" t="s">
        <v>93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39</v>
      </c>
    </row>
    <row r="15" spans="1:17" s="12" customFormat="1" ht="15.75" customHeight="1">
      <c r="A15" s="156"/>
      <c r="B15" s="189"/>
      <c r="C15" s="8" t="s">
        <v>22</v>
      </c>
      <c r="D15" s="48" t="s">
        <v>9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157"/>
      <c r="B16" s="190"/>
      <c r="C16" s="13" t="s">
        <v>23</v>
      </c>
      <c r="D16" s="63" t="s">
        <v>95</v>
      </c>
      <c r="E16" s="14" t="s">
        <v>11</v>
      </c>
      <c r="F16" s="15">
        <v>4</v>
      </c>
      <c r="G16" s="15"/>
      <c r="H16" s="15"/>
      <c r="I16" s="15"/>
      <c r="J16" s="15"/>
      <c r="K16" s="15"/>
      <c r="L16" s="15"/>
      <c r="M16" s="15"/>
      <c r="N16" s="15"/>
      <c r="O16" s="163"/>
      <c r="P16" s="191"/>
      <c r="Q16" s="181"/>
    </row>
    <row r="17" spans="1:17" s="53" customFormat="1" ht="15" customHeight="1" thickTop="1">
      <c r="A17" s="192" t="s">
        <v>48</v>
      </c>
      <c r="B17" s="193"/>
      <c r="C17" s="64" t="s">
        <v>49</v>
      </c>
      <c r="D17" s="65" t="s">
        <v>50</v>
      </c>
      <c r="E17" s="66" t="s">
        <v>26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6</v>
      </c>
      <c r="Q17" s="68"/>
    </row>
    <row r="18" spans="1:17" s="53" customFormat="1" ht="15" customHeight="1">
      <c r="A18" s="194"/>
      <c r="B18" s="195"/>
      <c r="C18" s="49" t="s">
        <v>51</v>
      </c>
      <c r="D18" s="43" t="s">
        <v>52</v>
      </c>
      <c r="E18" s="50" t="s">
        <v>26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52"/>
    </row>
    <row r="19" spans="1:17" s="53" customFormat="1" ht="15" customHeight="1">
      <c r="A19" s="194"/>
      <c r="B19" s="195"/>
      <c r="C19" s="49" t="s">
        <v>53</v>
      </c>
      <c r="D19" s="43" t="s">
        <v>54</v>
      </c>
      <c r="E19" s="50" t="s">
        <v>26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52"/>
    </row>
    <row r="20" spans="1:17" s="53" customFormat="1" ht="15" customHeight="1">
      <c r="A20" s="194"/>
      <c r="B20" s="195"/>
      <c r="C20" s="49" t="s">
        <v>55</v>
      </c>
      <c r="D20" s="43" t="s">
        <v>56</v>
      </c>
      <c r="E20" s="50" t="s">
        <v>26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52"/>
    </row>
    <row r="21" spans="1:17" s="53" customFormat="1" ht="15" customHeight="1">
      <c r="A21" s="194"/>
      <c r="B21" s="195"/>
      <c r="C21" s="49" t="s">
        <v>57</v>
      </c>
      <c r="D21" s="43" t="s">
        <v>58</v>
      </c>
      <c r="E21" s="50" t="s">
        <v>26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52"/>
    </row>
    <row r="22" spans="1:17" s="53" customFormat="1" ht="15" customHeight="1">
      <c r="A22" s="194"/>
      <c r="B22" s="195"/>
      <c r="C22" s="49" t="s">
        <v>59</v>
      </c>
      <c r="D22" s="43" t="s">
        <v>60</v>
      </c>
      <c r="E22" s="50" t="s">
        <v>26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52"/>
    </row>
    <row r="23" spans="1:17" s="53" customFormat="1" ht="15" customHeight="1">
      <c r="A23" s="194"/>
      <c r="B23" s="195"/>
      <c r="C23" s="78" t="s">
        <v>61</v>
      </c>
      <c r="D23" s="43" t="s">
        <v>62</v>
      </c>
      <c r="E23" s="50" t="s">
        <v>26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52"/>
    </row>
    <row r="24" spans="1:17" s="53" customFormat="1" ht="15" customHeight="1">
      <c r="A24" s="194"/>
      <c r="B24" s="195"/>
      <c r="C24" s="49" t="s">
        <v>63</v>
      </c>
      <c r="D24" s="43" t="s">
        <v>64</v>
      </c>
      <c r="E24" s="50" t="s">
        <v>26</v>
      </c>
      <c r="F24" s="51">
        <v>3</v>
      </c>
      <c r="G24" s="51"/>
      <c r="H24" s="51"/>
      <c r="I24" s="51">
        <v>3</v>
      </c>
      <c r="J24" s="51"/>
      <c r="K24" s="51"/>
      <c r="L24" s="51"/>
      <c r="M24" s="51"/>
      <c r="N24" s="51"/>
      <c r="O24" s="183"/>
      <c r="P24" s="186"/>
      <c r="Q24" s="52"/>
    </row>
    <row r="25" spans="1:17" s="53" customFormat="1" ht="15" customHeight="1">
      <c r="A25" s="194"/>
      <c r="B25" s="195"/>
      <c r="C25" s="49" t="s">
        <v>65</v>
      </c>
      <c r="D25" s="43" t="s">
        <v>66</v>
      </c>
      <c r="E25" s="50" t="s">
        <v>26</v>
      </c>
      <c r="F25" s="51">
        <v>3</v>
      </c>
      <c r="G25" s="51"/>
      <c r="H25" s="51"/>
      <c r="I25" s="51"/>
      <c r="J25" s="51">
        <v>3</v>
      </c>
      <c r="K25" s="51"/>
      <c r="L25" s="51"/>
      <c r="M25" s="51"/>
      <c r="N25" s="51"/>
      <c r="O25" s="183"/>
      <c r="P25" s="186"/>
      <c r="Q25" s="52"/>
    </row>
    <row r="26" spans="1:17" s="53" customFormat="1" ht="15" customHeight="1">
      <c r="A26" s="194"/>
      <c r="B26" s="195"/>
      <c r="C26" s="49" t="s">
        <v>67</v>
      </c>
      <c r="D26" s="43" t="s">
        <v>68</v>
      </c>
      <c r="E26" s="50" t="s">
        <v>26</v>
      </c>
      <c r="F26" s="51">
        <v>3</v>
      </c>
      <c r="G26" s="51"/>
      <c r="H26" s="51"/>
      <c r="I26" s="51">
        <v>3</v>
      </c>
      <c r="J26" s="51"/>
      <c r="K26" s="51"/>
      <c r="L26" s="51"/>
      <c r="M26" s="51"/>
      <c r="N26" s="51"/>
      <c r="O26" s="183"/>
      <c r="P26" s="186"/>
      <c r="Q26" s="52"/>
    </row>
    <row r="27" spans="1:17" s="53" customFormat="1" ht="15" customHeight="1">
      <c r="A27" s="194"/>
      <c r="B27" s="195"/>
      <c r="C27" s="49" t="s">
        <v>69</v>
      </c>
      <c r="D27" s="43" t="s">
        <v>70</v>
      </c>
      <c r="E27" s="50" t="s">
        <v>26</v>
      </c>
      <c r="F27" s="51">
        <v>3</v>
      </c>
      <c r="G27" s="51"/>
      <c r="H27" s="51"/>
      <c r="I27" s="51"/>
      <c r="J27" s="51">
        <v>3</v>
      </c>
      <c r="K27" s="51"/>
      <c r="L27" s="51"/>
      <c r="M27" s="51"/>
      <c r="N27" s="51"/>
      <c r="O27" s="183"/>
      <c r="P27" s="186"/>
      <c r="Q27" s="52"/>
    </row>
    <row r="28" spans="1:17" s="53" customFormat="1" ht="15" customHeight="1">
      <c r="A28" s="194"/>
      <c r="B28" s="195"/>
      <c r="C28" s="49" t="s">
        <v>71</v>
      </c>
      <c r="D28" s="43" t="s">
        <v>72</v>
      </c>
      <c r="E28" s="50" t="s">
        <v>26</v>
      </c>
      <c r="F28" s="51">
        <v>3</v>
      </c>
      <c r="G28" s="51"/>
      <c r="H28" s="51"/>
      <c r="I28" s="51"/>
      <c r="J28" s="51"/>
      <c r="K28" s="51">
        <v>3</v>
      </c>
      <c r="L28" s="51"/>
      <c r="M28" s="51"/>
      <c r="N28" s="51"/>
      <c r="O28" s="183"/>
      <c r="P28" s="186"/>
      <c r="Q28" s="52"/>
    </row>
    <row r="29" spans="1:17" s="53" customFormat="1" ht="15" customHeight="1">
      <c r="A29" s="194"/>
      <c r="B29" s="195"/>
      <c r="C29" s="49" t="s">
        <v>73</v>
      </c>
      <c r="D29" s="43" t="s">
        <v>74</v>
      </c>
      <c r="E29" s="50" t="s">
        <v>26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52"/>
    </row>
    <row r="30" spans="1:17" s="53" customFormat="1" ht="15" customHeight="1">
      <c r="A30" s="194"/>
      <c r="B30" s="195"/>
      <c r="C30" s="49" t="s">
        <v>75</v>
      </c>
      <c r="D30" s="43" t="s">
        <v>76</v>
      </c>
      <c r="E30" s="50" t="s">
        <v>26</v>
      </c>
      <c r="F30" s="51">
        <v>3</v>
      </c>
      <c r="G30" s="51"/>
      <c r="H30" s="51"/>
      <c r="I30" s="51"/>
      <c r="J30" s="51"/>
      <c r="K30" s="51">
        <v>3</v>
      </c>
      <c r="L30" s="51"/>
      <c r="M30" s="51"/>
      <c r="N30" s="51"/>
      <c r="O30" s="183"/>
      <c r="P30" s="186"/>
      <c r="Q30" s="52"/>
    </row>
    <row r="31" spans="1:17" s="53" customFormat="1" ht="15" customHeight="1" thickBot="1">
      <c r="A31" s="196"/>
      <c r="B31" s="197"/>
      <c r="C31" s="69" t="s">
        <v>77</v>
      </c>
      <c r="D31" s="70" t="s">
        <v>78</v>
      </c>
      <c r="E31" s="71" t="s">
        <v>26</v>
      </c>
      <c r="F31" s="72">
        <v>3</v>
      </c>
      <c r="G31" s="72"/>
      <c r="H31" s="72"/>
      <c r="I31" s="72"/>
      <c r="J31" s="72"/>
      <c r="K31" s="72"/>
      <c r="L31" s="72">
        <v>3</v>
      </c>
      <c r="M31" s="72"/>
      <c r="N31" s="72"/>
      <c r="O31" s="183"/>
      <c r="P31" s="187"/>
      <c r="Q31" s="73"/>
    </row>
    <row r="32" spans="1:17" ht="18.75" customHeight="1" thickTop="1">
      <c r="A32" s="171" t="s">
        <v>27</v>
      </c>
      <c r="B32" s="173" t="s">
        <v>79</v>
      </c>
      <c r="C32" s="64" t="s">
        <v>80</v>
      </c>
      <c r="D32" s="65" t="s">
        <v>81</v>
      </c>
      <c r="E32" s="66" t="s">
        <v>26</v>
      </c>
      <c r="F32" s="67">
        <v>3</v>
      </c>
      <c r="G32" s="67"/>
      <c r="H32" s="67"/>
      <c r="I32" s="67"/>
      <c r="J32" s="67">
        <v>3</v>
      </c>
      <c r="K32" s="67"/>
      <c r="L32" s="67"/>
      <c r="M32" s="67"/>
      <c r="N32" s="67"/>
      <c r="O32" s="183"/>
      <c r="P32" s="176">
        <v>9</v>
      </c>
      <c r="Q32" s="122" t="s">
        <v>96</v>
      </c>
    </row>
    <row r="33" spans="1:17" ht="18.75" customHeight="1">
      <c r="A33" s="171"/>
      <c r="B33" s="174"/>
      <c r="C33" s="49" t="s">
        <v>82</v>
      </c>
      <c r="D33" s="43" t="s">
        <v>83</v>
      </c>
      <c r="E33" s="50" t="s">
        <v>26</v>
      </c>
      <c r="F33" s="51">
        <v>3</v>
      </c>
      <c r="G33" s="51"/>
      <c r="H33" s="51"/>
      <c r="I33" s="51"/>
      <c r="J33" s="51"/>
      <c r="K33" s="51">
        <v>3</v>
      </c>
      <c r="L33" s="51"/>
      <c r="M33" s="51"/>
      <c r="N33" s="51"/>
      <c r="O33" s="183"/>
      <c r="P33" s="177"/>
      <c r="Q33" s="122"/>
    </row>
    <row r="34" spans="1:17" ht="18.75" customHeight="1" thickBot="1">
      <c r="A34" s="171"/>
      <c r="B34" s="175"/>
      <c r="C34" s="74" t="s">
        <v>84</v>
      </c>
      <c r="D34" s="75" t="s">
        <v>85</v>
      </c>
      <c r="E34" s="76" t="s">
        <v>26</v>
      </c>
      <c r="F34" s="77">
        <v>3</v>
      </c>
      <c r="G34" s="77"/>
      <c r="H34" s="77"/>
      <c r="I34" s="77"/>
      <c r="J34" s="77"/>
      <c r="K34" s="77"/>
      <c r="L34" s="77">
        <v>3</v>
      </c>
      <c r="M34" s="77"/>
      <c r="N34" s="77"/>
      <c r="O34" s="183"/>
      <c r="P34" s="178"/>
      <c r="Q34" s="122"/>
    </row>
    <row r="35" spans="1:17" ht="18.75" customHeight="1">
      <c r="A35" s="171"/>
      <c r="B35" s="137" t="s">
        <v>86</v>
      </c>
      <c r="C35" s="54" t="s">
        <v>87</v>
      </c>
      <c r="D35" s="55" t="s">
        <v>88</v>
      </c>
      <c r="E35" s="56" t="s">
        <v>26</v>
      </c>
      <c r="F35" s="57">
        <v>3</v>
      </c>
      <c r="G35" s="57"/>
      <c r="H35" s="57"/>
      <c r="I35" s="57"/>
      <c r="J35" s="57"/>
      <c r="K35" s="57">
        <v>3</v>
      </c>
      <c r="L35" s="57"/>
      <c r="M35" s="57"/>
      <c r="N35" s="57"/>
      <c r="O35" s="183"/>
      <c r="P35" s="200">
        <v>9</v>
      </c>
      <c r="Q35" s="122"/>
    </row>
    <row r="36" spans="1:17" ht="18.75" customHeight="1">
      <c r="A36" s="171"/>
      <c r="B36" s="137"/>
      <c r="C36" s="49" t="s">
        <v>89</v>
      </c>
      <c r="D36" s="43" t="s">
        <v>90</v>
      </c>
      <c r="E36" s="50" t="s">
        <v>26</v>
      </c>
      <c r="F36" s="51">
        <v>3</v>
      </c>
      <c r="G36" s="51"/>
      <c r="H36" s="51"/>
      <c r="I36" s="51"/>
      <c r="J36" s="51">
        <v>3</v>
      </c>
      <c r="K36" s="51"/>
      <c r="L36" s="51"/>
      <c r="M36" s="51"/>
      <c r="N36" s="51"/>
      <c r="O36" s="183"/>
      <c r="P36" s="177"/>
      <c r="Q36" s="122"/>
    </row>
    <row r="37" spans="1:17" ht="18.75" customHeight="1" thickBot="1">
      <c r="A37" s="172"/>
      <c r="B37" s="138"/>
      <c r="C37" s="69" t="s">
        <v>91</v>
      </c>
      <c r="D37" s="70" t="s">
        <v>92</v>
      </c>
      <c r="E37" s="71" t="s">
        <v>26</v>
      </c>
      <c r="F37" s="72">
        <v>3</v>
      </c>
      <c r="G37" s="72"/>
      <c r="H37" s="72"/>
      <c r="I37" s="72"/>
      <c r="J37" s="72"/>
      <c r="K37" s="72"/>
      <c r="L37" s="72">
        <v>3</v>
      </c>
      <c r="M37" s="72"/>
      <c r="N37" s="72"/>
      <c r="O37" s="184"/>
      <c r="P37" s="191"/>
      <c r="Q37" s="123"/>
    </row>
    <row r="38" spans="1:17" s="3" customFormat="1" ht="39.75" customHeight="1" thickTop="1">
      <c r="A38" s="139" t="s">
        <v>34</v>
      </c>
      <c r="B38" s="140"/>
      <c r="C38" s="143">
        <v>32</v>
      </c>
      <c r="D38" s="145" t="s">
        <v>35</v>
      </c>
      <c r="E38" s="40" t="s">
        <v>41</v>
      </c>
      <c r="F38" s="1">
        <v>56</v>
      </c>
      <c r="G38" s="147">
        <v>65</v>
      </c>
      <c r="H38" s="148"/>
      <c r="I38" s="164" t="s">
        <v>40</v>
      </c>
      <c r="J38" s="165"/>
      <c r="K38" s="165"/>
      <c r="L38" s="166"/>
      <c r="M38" s="147">
        <v>31</v>
      </c>
      <c r="N38" s="169"/>
      <c r="O38" s="118" t="s">
        <v>36</v>
      </c>
      <c r="P38" s="119"/>
      <c r="Q38" s="135">
        <f>C38+G38+M38</f>
        <v>128</v>
      </c>
    </row>
    <row r="39" spans="1:17" s="3" customFormat="1" ht="39.75" customHeight="1" thickBot="1">
      <c r="A39" s="141"/>
      <c r="B39" s="142"/>
      <c r="C39" s="144"/>
      <c r="D39" s="146"/>
      <c r="E39" s="41" t="s">
        <v>42</v>
      </c>
      <c r="F39" s="2">
        <v>9</v>
      </c>
      <c r="G39" s="149"/>
      <c r="H39" s="150"/>
      <c r="I39" s="141"/>
      <c r="J39" s="167"/>
      <c r="K39" s="167"/>
      <c r="L39" s="168"/>
      <c r="M39" s="149"/>
      <c r="N39" s="170"/>
      <c r="O39" s="120"/>
      <c r="P39" s="121"/>
      <c r="Q39" s="136"/>
    </row>
    <row r="40" spans="1:17" ht="55" customHeight="1">
      <c r="A40" s="203" t="s">
        <v>180</v>
      </c>
      <c r="B40" s="204"/>
      <c r="C40" s="205" t="s">
        <v>181</v>
      </c>
      <c r="D40" s="206"/>
      <c r="E40" s="206"/>
      <c r="F40" s="206"/>
      <c r="G40" s="206"/>
      <c r="H40" s="206"/>
      <c r="I40" s="206"/>
      <c r="J40" s="206"/>
      <c r="K40" s="206"/>
      <c r="L40" s="206"/>
      <c r="M40" s="206"/>
      <c r="N40" s="206"/>
      <c r="O40" s="206"/>
      <c r="P40" s="206"/>
      <c r="Q40" s="207"/>
    </row>
    <row r="41" spans="1:17" ht="17.5" customHeight="1">
      <c r="A41" s="208" t="s">
        <v>182</v>
      </c>
      <c r="B41" s="209"/>
      <c r="C41" s="210" t="s">
        <v>183</v>
      </c>
      <c r="D41" s="211"/>
      <c r="E41" s="211"/>
      <c r="F41" s="211"/>
      <c r="G41" s="211"/>
      <c r="H41" s="211"/>
      <c r="I41" s="211"/>
      <c r="J41" s="211"/>
      <c r="K41" s="211"/>
      <c r="L41" s="211"/>
      <c r="M41" s="211"/>
      <c r="N41" s="211"/>
      <c r="O41" s="211"/>
      <c r="P41" s="211"/>
      <c r="Q41" s="212"/>
    </row>
    <row r="42" spans="1:17" ht="26" customHeight="1" thickBot="1">
      <c r="A42" s="213" t="s">
        <v>184</v>
      </c>
      <c r="B42" s="214"/>
      <c r="C42" s="215" t="s">
        <v>185</v>
      </c>
      <c r="D42" s="216"/>
      <c r="E42" s="216"/>
      <c r="F42" s="216"/>
      <c r="G42" s="216"/>
      <c r="H42" s="216"/>
      <c r="I42" s="216"/>
      <c r="J42" s="216"/>
      <c r="K42" s="216"/>
      <c r="L42" s="216"/>
      <c r="M42" s="216"/>
      <c r="N42" s="216"/>
      <c r="O42" s="216"/>
      <c r="P42" s="216"/>
      <c r="Q42" s="217"/>
    </row>
    <row r="43" spans="1:17">
      <c r="A43" s="201" t="s">
        <v>106</v>
      </c>
      <c r="B43" s="201"/>
      <c r="C43" s="201"/>
      <c r="D43" s="201" t="s">
        <v>107</v>
      </c>
      <c r="E43" s="201"/>
      <c r="F43" s="201"/>
      <c r="G43" s="201"/>
      <c r="H43" s="201" t="s">
        <v>108</v>
      </c>
      <c r="I43" s="201"/>
      <c r="J43" s="201"/>
      <c r="K43" s="201"/>
      <c r="L43" s="201"/>
      <c r="M43" s="201"/>
      <c r="N43" s="201"/>
      <c r="O43" s="202" t="s">
        <v>177</v>
      </c>
      <c r="P43" s="202"/>
      <c r="Q43" s="202"/>
    </row>
  </sheetData>
  <mergeCells count="51"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  <mergeCell ref="M3:N3"/>
    <mergeCell ref="O3:O4"/>
    <mergeCell ref="P3:P4"/>
    <mergeCell ref="Q3:Q4"/>
    <mergeCell ref="Q14:Q16"/>
    <mergeCell ref="O17:O37"/>
    <mergeCell ref="P17:P31"/>
    <mergeCell ref="P7:P10"/>
    <mergeCell ref="B14:B16"/>
    <mergeCell ref="P14:P16"/>
    <mergeCell ref="A17:B31"/>
    <mergeCell ref="B11:B13"/>
    <mergeCell ref="A5:B6"/>
    <mergeCell ref="A7:A16"/>
    <mergeCell ref="B7:B10"/>
    <mergeCell ref="O7:O16"/>
    <mergeCell ref="I38:L39"/>
    <mergeCell ref="M38:N39"/>
    <mergeCell ref="A32:A37"/>
    <mergeCell ref="B32:B34"/>
    <mergeCell ref="O38:P39"/>
    <mergeCell ref="P11:P13"/>
    <mergeCell ref="Q38:Q39"/>
    <mergeCell ref="Q32:Q37"/>
    <mergeCell ref="B35:B37"/>
    <mergeCell ref="P35:P37"/>
    <mergeCell ref="A38:B39"/>
    <mergeCell ref="C38:C39"/>
    <mergeCell ref="D38:D39"/>
    <mergeCell ref="G38:H39"/>
    <mergeCell ref="P32:P34"/>
    <mergeCell ref="A43:C43"/>
    <mergeCell ref="D43:G43"/>
    <mergeCell ref="H43:N43"/>
    <mergeCell ref="O43:Q43"/>
    <mergeCell ref="A40:B40"/>
    <mergeCell ref="C40:Q40"/>
    <mergeCell ref="A41:B41"/>
    <mergeCell ref="C41:Q41"/>
    <mergeCell ref="A42:B42"/>
    <mergeCell ref="C42:Q42"/>
  </mergeCells>
  <phoneticPr fontId="16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第&amp;P頁，共&amp;N頁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3"/>
  <sheetViews>
    <sheetView topLeftCell="A25" zoomScaleNormal="100" workbookViewId="0">
      <selection activeCell="T34" sqref="T34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3.36328125" style="4" customWidth="1"/>
    <col min="18" max="16384" width="9" style="4"/>
  </cols>
  <sheetData>
    <row r="1" spans="1:17" ht="21.5">
      <c r="A1" s="124" t="s">
        <v>110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>
      <c r="A5" s="151" t="s">
        <v>28</v>
      </c>
      <c r="B5" s="152"/>
      <c r="C5" s="8" t="s">
        <v>25</v>
      </c>
      <c r="D5" s="48" t="s">
        <v>44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6.5" customHeight="1" thickBot="1">
      <c r="A6" s="153"/>
      <c r="B6" s="154"/>
      <c r="C6" s="79" t="s">
        <v>99</v>
      </c>
      <c r="D6" s="44"/>
      <c r="E6" s="14" t="s">
        <v>26</v>
      </c>
      <c r="F6" s="15">
        <v>0</v>
      </c>
      <c r="G6" s="15">
        <v>0</v>
      </c>
      <c r="H6" s="15">
        <v>0</v>
      </c>
      <c r="I6" s="15"/>
      <c r="J6" s="15"/>
      <c r="K6" s="15"/>
      <c r="L6" s="15"/>
      <c r="M6" s="15"/>
      <c r="N6" s="15"/>
      <c r="O6" s="15">
        <v>0</v>
      </c>
      <c r="P6" s="10">
        <v>0</v>
      </c>
      <c r="Q6" s="16"/>
    </row>
    <row r="7" spans="1:17" s="12" customFormat="1" ht="15.75" customHeight="1" thickTop="1">
      <c r="A7" s="155" t="s">
        <v>9</v>
      </c>
      <c r="B7" s="158" t="s">
        <v>29</v>
      </c>
      <c r="C7" s="58" t="s">
        <v>17</v>
      </c>
      <c r="D7" s="59" t="s">
        <v>45</v>
      </c>
      <c r="E7" s="60" t="s">
        <v>10</v>
      </c>
      <c r="F7" s="61">
        <v>2</v>
      </c>
      <c r="G7" s="61">
        <v>2</v>
      </c>
      <c r="H7" s="61"/>
      <c r="I7" s="61"/>
      <c r="J7" s="61"/>
      <c r="K7" s="61"/>
      <c r="L7" s="61"/>
      <c r="M7" s="61"/>
      <c r="N7" s="61"/>
      <c r="O7" s="161">
        <v>32</v>
      </c>
      <c r="P7" s="188">
        <v>8</v>
      </c>
      <c r="Q7" s="18"/>
    </row>
    <row r="8" spans="1:17" s="12" customFormat="1" ht="15.75" customHeight="1">
      <c r="A8" s="156"/>
      <c r="B8" s="159"/>
      <c r="C8" s="8" t="s">
        <v>18</v>
      </c>
      <c r="D8" s="42" t="s">
        <v>46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77"/>
      <c r="Q8" s="11"/>
    </row>
    <row r="9" spans="1:17" s="12" customFormat="1" ht="15.75" customHeight="1">
      <c r="A9" s="156"/>
      <c r="B9" s="159"/>
      <c r="C9" s="8" t="s">
        <v>98</v>
      </c>
      <c r="D9" s="43" t="s">
        <v>47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77"/>
      <c r="Q9" s="11"/>
    </row>
    <row r="10" spans="1:17" s="12" customFormat="1" ht="15.75" customHeight="1" thickBot="1">
      <c r="A10" s="156"/>
      <c r="B10" s="160"/>
      <c r="C10" s="21" t="s">
        <v>24</v>
      </c>
      <c r="D10" s="42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178"/>
      <c r="Q10" s="24"/>
    </row>
    <row r="11" spans="1:17" s="12" customFormat="1" ht="15.75" customHeight="1">
      <c r="A11" s="156"/>
      <c r="B11" s="198" t="s">
        <v>30</v>
      </c>
      <c r="C11" s="25" t="s">
        <v>19</v>
      </c>
      <c r="D11" s="45" t="s">
        <v>43</v>
      </c>
      <c r="E11" s="26" t="s">
        <v>10</v>
      </c>
      <c r="F11" s="27">
        <v>4</v>
      </c>
      <c r="G11" s="27">
        <v>2</v>
      </c>
      <c r="H11" s="27">
        <v>2</v>
      </c>
      <c r="I11" s="27"/>
      <c r="J11" s="27"/>
      <c r="K11" s="27"/>
      <c r="L11" s="27"/>
      <c r="M11" s="27"/>
      <c r="N11" s="27"/>
      <c r="O11" s="162"/>
      <c r="P11" s="176">
        <v>12</v>
      </c>
      <c r="Q11" s="28"/>
    </row>
    <row r="12" spans="1:17" s="12" customFormat="1" ht="36" customHeight="1">
      <c r="A12" s="156"/>
      <c r="B12" s="189"/>
      <c r="C12" s="29" t="s">
        <v>20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31</v>
      </c>
    </row>
    <row r="13" spans="1:17" s="12" customFormat="1" ht="49.5" customHeight="1" thickBot="1">
      <c r="A13" s="156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38</v>
      </c>
    </row>
    <row r="14" spans="1:17" s="12" customFormat="1" ht="15.75" customHeight="1">
      <c r="A14" s="156"/>
      <c r="B14" s="189" t="s">
        <v>33</v>
      </c>
      <c r="C14" s="17" t="s">
        <v>21</v>
      </c>
      <c r="D14" s="62" t="s">
        <v>93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39</v>
      </c>
    </row>
    <row r="15" spans="1:17" s="12" customFormat="1" ht="15.75" customHeight="1">
      <c r="A15" s="156"/>
      <c r="B15" s="189"/>
      <c r="C15" s="8" t="s">
        <v>22</v>
      </c>
      <c r="D15" s="48" t="s">
        <v>9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157"/>
      <c r="B16" s="190"/>
      <c r="C16" s="13" t="s">
        <v>23</v>
      </c>
      <c r="D16" s="63" t="s">
        <v>95</v>
      </c>
      <c r="E16" s="14" t="s">
        <v>11</v>
      </c>
      <c r="F16" s="15">
        <v>4</v>
      </c>
      <c r="G16" s="15"/>
      <c r="H16" s="15"/>
      <c r="I16" s="15"/>
      <c r="J16" s="15"/>
      <c r="K16" s="15"/>
      <c r="L16" s="15"/>
      <c r="M16" s="15"/>
      <c r="N16" s="15"/>
      <c r="O16" s="163"/>
      <c r="P16" s="191"/>
      <c r="Q16" s="181"/>
    </row>
    <row r="17" spans="1:17" s="53" customFormat="1" ht="15" customHeight="1" thickTop="1">
      <c r="A17" s="192" t="s">
        <v>48</v>
      </c>
      <c r="B17" s="193"/>
      <c r="C17" s="80" t="s">
        <v>112</v>
      </c>
      <c r="D17" s="65" t="s">
        <v>50</v>
      </c>
      <c r="E17" s="67" t="s">
        <v>113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3</v>
      </c>
      <c r="Q17" s="81"/>
    </row>
    <row r="18" spans="1:17" s="53" customFormat="1" ht="15" customHeight="1">
      <c r="A18" s="194"/>
      <c r="B18" s="195"/>
      <c r="C18" s="82" t="s">
        <v>114</v>
      </c>
      <c r="D18" s="43" t="s">
        <v>52</v>
      </c>
      <c r="E18" s="51" t="s">
        <v>113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83"/>
    </row>
    <row r="19" spans="1:17" s="53" customFormat="1" ht="15" customHeight="1">
      <c r="A19" s="194"/>
      <c r="B19" s="195"/>
      <c r="C19" s="82" t="s">
        <v>115</v>
      </c>
      <c r="D19" s="43" t="s">
        <v>54</v>
      </c>
      <c r="E19" s="51" t="s">
        <v>113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83"/>
    </row>
    <row r="20" spans="1:17" s="53" customFormat="1" ht="15" customHeight="1">
      <c r="A20" s="194"/>
      <c r="B20" s="195"/>
      <c r="C20" s="82" t="s">
        <v>116</v>
      </c>
      <c r="D20" s="43" t="s">
        <v>56</v>
      </c>
      <c r="E20" s="51" t="s">
        <v>113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83"/>
    </row>
    <row r="21" spans="1:17" s="53" customFormat="1" ht="15" customHeight="1">
      <c r="A21" s="194"/>
      <c r="B21" s="195"/>
      <c r="C21" s="82" t="s">
        <v>117</v>
      </c>
      <c r="D21" s="43" t="s">
        <v>58</v>
      </c>
      <c r="E21" s="51" t="s">
        <v>113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83"/>
    </row>
    <row r="22" spans="1:17" s="53" customFormat="1" ht="15" customHeight="1">
      <c r="A22" s="194"/>
      <c r="B22" s="195"/>
      <c r="C22" s="82" t="s">
        <v>118</v>
      </c>
      <c r="D22" s="43" t="s">
        <v>60</v>
      </c>
      <c r="E22" s="51" t="s">
        <v>113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83"/>
    </row>
    <row r="23" spans="1:17" s="53" customFormat="1" ht="15" customHeight="1">
      <c r="A23" s="194"/>
      <c r="B23" s="195"/>
      <c r="C23" s="84" t="s">
        <v>119</v>
      </c>
      <c r="D23" s="43" t="s">
        <v>62</v>
      </c>
      <c r="E23" s="51" t="s">
        <v>113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83"/>
    </row>
    <row r="24" spans="1:17" s="53" customFormat="1" ht="15" customHeight="1">
      <c r="A24" s="194"/>
      <c r="B24" s="195"/>
      <c r="C24" s="82" t="s">
        <v>120</v>
      </c>
      <c r="D24" s="43" t="s">
        <v>64</v>
      </c>
      <c r="E24" s="51" t="s">
        <v>113</v>
      </c>
      <c r="F24" s="51">
        <v>3</v>
      </c>
      <c r="G24" s="51"/>
      <c r="H24" s="51"/>
      <c r="I24" s="51">
        <v>3</v>
      </c>
      <c r="J24" s="51"/>
      <c r="K24" s="51"/>
      <c r="L24" s="51"/>
      <c r="M24" s="51"/>
      <c r="N24" s="51"/>
      <c r="O24" s="183"/>
      <c r="P24" s="186"/>
      <c r="Q24" s="83"/>
    </row>
    <row r="25" spans="1:17" s="53" customFormat="1" ht="15" customHeight="1">
      <c r="A25" s="194"/>
      <c r="B25" s="195"/>
      <c r="C25" s="82" t="s">
        <v>121</v>
      </c>
      <c r="D25" s="43" t="s">
        <v>66</v>
      </c>
      <c r="E25" s="51" t="s">
        <v>113</v>
      </c>
      <c r="F25" s="51">
        <v>3</v>
      </c>
      <c r="G25" s="51"/>
      <c r="H25" s="51"/>
      <c r="I25" s="51"/>
      <c r="J25" s="51">
        <v>3</v>
      </c>
      <c r="K25" s="51"/>
      <c r="L25" s="51"/>
      <c r="M25" s="51"/>
      <c r="N25" s="51"/>
      <c r="O25" s="183"/>
      <c r="P25" s="186"/>
      <c r="Q25" s="83"/>
    </row>
    <row r="26" spans="1:17" s="53" customFormat="1" ht="15" customHeight="1">
      <c r="A26" s="194"/>
      <c r="B26" s="195"/>
      <c r="C26" s="82" t="s">
        <v>122</v>
      </c>
      <c r="D26" s="43" t="s">
        <v>68</v>
      </c>
      <c r="E26" s="51" t="s">
        <v>113</v>
      </c>
      <c r="F26" s="51">
        <v>3</v>
      </c>
      <c r="G26" s="51"/>
      <c r="H26" s="51"/>
      <c r="I26" s="51">
        <v>3</v>
      </c>
      <c r="J26" s="51"/>
      <c r="K26" s="51"/>
      <c r="L26" s="51"/>
      <c r="M26" s="51"/>
      <c r="N26" s="51"/>
      <c r="O26" s="183"/>
      <c r="P26" s="186"/>
      <c r="Q26" s="83"/>
    </row>
    <row r="27" spans="1:17" s="53" customFormat="1" ht="15" customHeight="1">
      <c r="A27" s="194"/>
      <c r="B27" s="195"/>
      <c r="C27" s="82" t="s">
        <v>123</v>
      </c>
      <c r="D27" s="43" t="s">
        <v>70</v>
      </c>
      <c r="E27" s="51" t="s">
        <v>113</v>
      </c>
      <c r="F27" s="51">
        <v>3</v>
      </c>
      <c r="G27" s="51"/>
      <c r="H27" s="51"/>
      <c r="I27" s="51"/>
      <c r="J27" s="51">
        <v>3</v>
      </c>
      <c r="K27" s="51"/>
      <c r="L27" s="51"/>
      <c r="M27" s="51"/>
      <c r="N27" s="51"/>
      <c r="O27" s="183"/>
      <c r="P27" s="186"/>
      <c r="Q27" s="83"/>
    </row>
    <row r="28" spans="1:17" s="53" customFormat="1" ht="15" customHeight="1">
      <c r="A28" s="194"/>
      <c r="B28" s="195"/>
      <c r="C28" s="82" t="s">
        <v>124</v>
      </c>
      <c r="D28" s="43" t="s">
        <v>74</v>
      </c>
      <c r="E28" s="51" t="s">
        <v>113</v>
      </c>
      <c r="F28" s="51">
        <v>3</v>
      </c>
      <c r="G28" s="51"/>
      <c r="H28" s="51"/>
      <c r="I28" s="51"/>
      <c r="J28" s="51"/>
      <c r="K28" s="51">
        <v>3</v>
      </c>
      <c r="L28" s="51"/>
      <c r="M28" s="51"/>
      <c r="N28" s="51"/>
      <c r="O28" s="183"/>
      <c r="P28" s="186"/>
      <c r="Q28" s="83"/>
    </row>
    <row r="29" spans="1:17" s="53" customFormat="1" ht="15" customHeight="1">
      <c r="A29" s="194"/>
      <c r="B29" s="195"/>
      <c r="C29" s="82" t="s">
        <v>130</v>
      </c>
      <c r="D29" s="43" t="s">
        <v>76</v>
      </c>
      <c r="E29" s="51" t="s">
        <v>113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83"/>
    </row>
    <row r="30" spans="1:17" s="53" customFormat="1" ht="15" customHeight="1" thickBot="1">
      <c r="A30" s="196"/>
      <c r="B30" s="197"/>
      <c r="C30" s="85" t="s">
        <v>131</v>
      </c>
      <c r="D30" s="70" t="s">
        <v>78</v>
      </c>
      <c r="E30" s="72" t="s">
        <v>113</v>
      </c>
      <c r="F30" s="72">
        <v>3</v>
      </c>
      <c r="G30" s="72"/>
      <c r="H30" s="72"/>
      <c r="I30" s="72"/>
      <c r="J30" s="72"/>
      <c r="K30" s="72"/>
      <c r="L30" s="72">
        <v>3</v>
      </c>
      <c r="M30" s="72"/>
      <c r="N30" s="72"/>
      <c r="O30" s="183"/>
      <c r="P30" s="187"/>
      <c r="Q30" s="86"/>
    </row>
    <row r="31" spans="1:17" ht="17.25" customHeight="1" thickTop="1">
      <c r="A31" s="219" t="s">
        <v>111</v>
      </c>
      <c r="B31" s="220"/>
      <c r="C31" s="80" t="s">
        <v>125</v>
      </c>
      <c r="D31" s="65" t="s">
        <v>81</v>
      </c>
      <c r="E31" s="67" t="s">
        <v>113</v>
      </c>
      <c r="F31" s="67">
        <v>3</v>
      </c>
      <c r="G31" s="67"/>
      <c r="H31" s="67"/>
      <c r="I31" s="67"/>
      <c r="J31" s="67">
        <v>3</v>
      </c>
      <c r="K31" s="67"/>
      <c r="L31" s="67"/>
      <c r="M31" s="67"/>
      <c r="N31" s="67"/>
      <c r="O31" s="183"/>
      <c r="P31" s="161">
        <v>12</v>
      </c>
      <c r="Q31" s="218" t="s">
        <v>189</v>
      </c>
    </row>
    <row r="32" spans="1:17">
      <c r="A32" s="221"/>
      <c r="B32" s="222"/>
      <c r="C32" s="82" t="s">
        <v>126</v>
      </c>
      <c r="D32" s="43" t="s">
        <v>90</v>
      </c>
      <c r="E32" s="51" t="s">
        <v>113</v>
      </c>
      <c r="F32" s="51">
        <v>3</v>
      </c>
      <c r="G32" s="51"/>
      <c r="H32" s="51"/>
      <c r="I32" s="51"/>
      <c r="J32" s="51">
        <v>3</v>
      </c>
      <c r="K32" s="57"/>
      <c r="L32" s="57"/>
      <c r="M32" s="57"/>
      <c r="N32" s="57"/>
      <c r="O32" s="183"/>
      <c r="P32" s="162"/>
      <c r="Q32" s="122"/>
    </row>
    <row r="33" spans="1:17">
      <c r="A33" s="221"/>
      <c r="B33" s="222"/>
      <c r="C33" s="82" t="s">
        <v>127</v>
      </c>
      <c r="D33" s="43" t="s">
        <v>85</v>
      </c>
      <c r="E33" s="51" t="s">
        <v>113</v>
      </c>
      <c r="F33" s="51">
        <v>3</v>
      </c>
      <c r="G33" s="51"/>
      <c r="H33" s="51"/>
      <c r="I33" s="51"/>
      <c r="J33" s="51"/>
      <c r="K33" s="51">
        <v>3</v>
      </c>
      <c r="L33" s="51"/>
      <c r="M33" s="51"/>
      <c r="N33" s="51"/>
      <c r="O33" s="183"/>
      <c r="P33" s="162"/>
      <c r="Q33" s="122"/>
    </row>
    <row r="34" spans="1:17">
      <c r="A34" s="221"/>
      <c r="B34" s="222"/>
      <c r="C34" s="82" t="s">
        <v>132</v>
      </c>
      <c r="D34" s="43" t="s">
        <v>134</v>
      </c>
      <c r="E34" s="51" t="s">
        <v>113</v>
      </c>
      <c r="F34" s="51">
        <v>3</v>
      </c>
      <c r="G34" s="51"/>
      <c r="H34" s="51"/>
      <c r="I34" s="51"/>
      <c r="J34" s="51"/>
      <c r="K34" s="51">
        <v>3</v>
      </c>
      <c r="L34" s="51"/>
      <c r="M34" s="51"/>
      <c r="N34" s="51"/>
      <c r="O34" s="183"/>
      <c r="P34" s="162"/>
      <c r="Q34" s="122"/>
    </row>
    <row r="35" spans="1:17">
      <c r="A35" s="221"/>
      <c r="B35" s="222"/>
      <c r="C35" s="87" t="s">
        <v>135</v>
      </c>
      <c r="D35" s="88" t="s">
        <v>133</v>
      </c>
      <c r="E35" s="89" t="s">
        <v>136</v>
      </c>
      <c r="F35" s="90">
        <v>3</v>
      </c>
      <c r="G35" s="90"/>
      <c r="H35" s="90"/>
      <c r="I35" s="90"/>
      <c r="J35" s="90"/>
      <c r="K35" s="90">
        <v>3</v>
      </c>
      <c r="L35" s="51"/>
      <c r="M35" s="51"/>
      <c r="N35" s="51"/>
      <c r="O35" s="183"/>
      <c r="P35" s="162"/>
      <c r="Q35" s="122"/>
    </row>
    <row r="36" spans="1:17">
      <c r="A36" s="221"/>
      <c r="B36" s="222"/>
      <c r="C36" s="82" t="s">
        <v>128</v>
      </c>
      <c r="D36" s="43" t="s">
        <v>83</v>
      </c>
      <c r="E36" s="51" t="s">
        <v>113</v>
      </c>
      <c r="F36" s="51">
        <v>3</v>
      </c>
      <c r="G36" s="51"/>
      <c r="H36" s="51"/>
      <c r="I36" s="51"/>
      <c r="J36" s="51"/>
      <c r="K36" s="51"/>
      <c r="L36" s="51">
        <v>3</v>
      </c>
      <c r="M36" s="51"/>
      <c r="N36" s="51"/>
      <c r="O36" s="183"/>
      <c r="P36" s="162"/>
      <c r="Q36" s="122"/>
    </row>
    <row r="37" spans="1:17" ht="17.5" thickBot="1">
      <c r="A37" s="223"/>
      <c r="B37" s="224"/>
      <c r="C37" s="85" t="s">
        <v>129</v>
      </c>
      <c r="D37" s="70" t="s">
        <v>92</v>
      </c>
      <c r="E37" s="72" t="s">
        <v>113</v>
      </c>
      <c r="F37" s="72">
        <v>3</v>
      </c>
      <c r="G37" s="72"/>
      <c r="H37" s="72"/>
      <c r="I37" s="72"/>
      <c r="J37" s="72"/>
      <c r="K37" s="72"/>
      <c r="L37" s="72">
        <v>3</v>
      </c>
      <c r="M37" s="72"/>
      <c r="N37" s="72"/>
      <c r="O37" s="184"/>
      <c r="P37" s="163"/>
      <c r="Q37" s="123"/>
    </row>
    <row r="38" spans="1:17" s="3" customFormat="1" ht="39.75" customHeight="1" thickTop="1">
      <c r="A38" s="139" t="s">
        <v>34</v>
      </c>
      <c r="B38" s="140"/>
      <c r="C38" s="143">
        <v>32</v>
      </c>
      <c r="D38" s="145" t="s">
        <v>35</v>
      </c>
      <c r="E38" s="40" t="s">
        <v>41</v>
      </c>
      <c r="F38" s="1">
        <v>53</v>
      </c>
      <c r="G38" s="147">
        <v>65</v>
      </c>
      <c r="H38" s="148"/>
      <c r="I38" s="164" t="s">
        <v>40</v>
      </c>
      <c r="J38" s="165"/>
      <c r="K38" s="165"/>
      <c r="L38" s="166"/>
      <c r="M38" s="147">
        <v>31</v>
      </c>
      <c r="N38" s="169"/>
      <c r="O38" s="118" t="s">
        <v>36</v>
      </c>
      <c r="P38" s="119"/>
      <c r="Q38" s="135">
        <f>C38+G38+M38</f>
        <v>128</v>
      </c>
    </row>
    <row r="39" spans="1:17" s="3" customFormat="1" ht="39.75" customHeight="1" thickBot="1">
      <c r="A39" s="141"/>
      <c r="B39" s="142"/>
      <c r="C39" s="144"/>
      <c r="D39" s="146"/>
      <c r="E39" s="41" t="s">
        <v>42</v>
      </c>
      <c r="F39" s="2">
        <v>12</v>
      </c>
      <c r="G39" s="149"/>
      <c r="H39" s="150"/>
      <c r="I39" s="141"/>
      <c r="J39" s="167"/>
      <c r="K39" s="167"/>
      <c r="L39" s="168"/>
      <c r="M39" s="149"/>
      <c r="N39" s="170"/>
      <c r="O39" s="120"/>
      <c r="P39" s="121"/>
      <c r="Q39" s="136"/>
    </row>
    <row r="40" spans="1:17" ht="55" customHeight="1">
      <c r="A40" s="203" t="s">
        <v>180</v>
      </c>
      <c r="B40" s="204"/>
      <c r="C40" s="205" t="s">
        <v>181</v>
      </c>
      <c r="D40" s="206"/>
      <c r="E40" s="206"/>
      <c r="F40" s="206"/>
      <c r="G40" s="206"/>
      <c r="H40" s="206"/>
      <c r="I40" s="206"/>
      <c r="J40" s="206"/>
      <c r="K40" s="206"/>
      <c r="L40" s="206"/>
      <c r="M40" s="206"/>
      <c r="N40" s="206"/>
      <c r="O40" s="206"/>
      <c r="P40" s="206"/>
      <c r="Q40" s="207"/>
    </row>
    <row r="41" spans="1:17" ht="17.5" customHeight="1">
      <c r="A41" s="208" t="s">
        <v>182</v>
      </c>
      <c r="B41" s="209"/>
      <c r="C41" s="210" t="s">
        <v>183</v>
      </c>
      <c r="D41" s="211"/>
      <c r="E41" s="211"/>
      <c r="F41" s="211"/>
      <c r="G41" s="211"/>
      <c r="H41" s="211"/>
      <c r="I41" s="211"/>
      <c r="J41" s="211"/>
      <c r="K41" s="211"/>
      <c r="L41" s="211"/>
      <c r="M41" s="211"/>
      <c r="N41" s="211"/>
      <c r="O41" s="211"/>
      <c r="P41" s="211"/>
      <c r="Q41" s="212"/>
    </row>
    <row r="42" spans="1:17" ht="26" customHeight="1" thickBot="1">
      <c r="A42" s="213" t="s">
        <v>184</v>
      </c>
      <c r="B42" s="214"/>
      <c r="C42" s="215" t="s">
        <v>185</v>
      </c>
      <c r="D42" s="216"/>
      <c r="E42" s="216"/>
      <c r="F42" s="216"/>
      <c r="G42" s="216"/>
      <c r="H42" s="216"/>
      <c r="I42" s="216"/>
      <c r="J42" s="216"/>
      <c r="K42" s="216"/>
      <c r="L42" s="216"/>
      <c r="M42" s="216"/>
      <c r="N42" s="216"/>
      <c r="O42" s="216"/>
      <c r="P42" s="216"/>
      <c r="Q42" s="217"/>
    </row>
    <row r="43" spans="1:17">
      <c r="A43" s="201" t="s">
        <v>106</v>
      </c>
      <c r="B43" s="201"/>
      <c r="C43" s="201"/>
      <c r="D43" s="201" t="s">
        <v>107</v>
      </c>
      <c r="E43" s="201"/>
      <c r="F43" s="201"/>
      <c r="G43" s="201"/>
      <c r="H43" s="201" t="s">
        <v>108</v>
      </c>
      <c r="I43" s="201"/>
      <c r="J43" s="201"/>
      <c r="K43" s="201"/>
      <c r="L43" s="201"/>
      <c r="M43" s="201"/>
      <c r="N43" s="201"/>
      <c r="O43" s="202" t="s">
        <v>177</v>
      </c>
      <c r="P43" s="202"/>
      <c r="Q43" s="202"/>
    </row>
  </sheetData>
  <mergeCells count="48">
    <mergeCell ref="O38:P39"/>
    <mergeCell ref="Q38:Q39"/>
    <mergeCell ref="A38:B39"/>
    <mergeCell ref="C38:C39"/>
    <mergeCell ref="D38:D39"/>
    <mergeCell ref="G38:H39"/>
    <mergeCell ref="I38:L39"/>
    <mergeCell ref="M38:N39"/>
    <mergeCell ref="Q31:Q37"/>
    <mergeCell ref="A7:A16"/>
    <mergeCell ref="B7:B10"/>
    <mergeCell ref="O7:O16"/>
    <mergeCell ref="P7:P10"/>
    <mergeCell ref="B11:B13"/>
    <mergeCell ref="A17:B30"/>
    <mergeCell ref="O17:O37"/>
    <mergeCell ref="P17:P30"/>
    <mergeCell ref="A31:B37"/>
    <mergeCell ref="P31:P37"/>
    <mergeCell ref="A5:B6"/>
    <mergeCell ref="P11:P13"/>
    <mergeCell ref="B14:B16"/>
    <mergeCell ref="P14:P16"/>
    <mergeCell ref="Q14:Q16"/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  <mergeCell ref="M3:N3"/>
    <mergeCell ref="O3:O4"/>
    <mergeCell ref="P3:P4"/>
    <mergeCell ref="Q3:Q4"/>
    <mergeCell ref="A43:C43"/>
    <mergeCell ref="D43:G43"/>
    <mergeCell ref="H43:N43"/>
    <mergeCell ref="O43:Q43"/>
    <mergeCell ref="A40:B40"/>
    <mergeCell ref="C40:Q40"/>
    <mergeCell ref="A41:B41"/>
    <mergeCell ref="C41:Q41"/>
    <mergeCell ref="A42:B42"/>
    <mergeCell ref="C42:Q42"/>
  </mergeCells>
  <phoneticPr fontId="17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第&amp;P頁，共&amp;N頁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3"/>
  <sheetViews>
    <sheetView topLeftCell="A33" zoomScaleNormal="100" workbookViewId="0">
      <selection activeCell="A43" sqref="A43:Q43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3.36328125" style="4" customWidth="1"/>
    <col min="18" max="16384" width="9" style="4"/>
  </cols>
  <sheetData>
    <row r="1" spans="1:17" ht="21.5">
      <c r="A1" s="124" t="s">
        <v>137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>
      <c r="A5" s="151" t="s">
        <v>28</v>
      </c>
      <c r="B5" s="152"/>
      <c r="C5" s="8" t="s">
        <v>25</v>
      </c>
      <c r="D5" s="48" t="s">
        <v>44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6.5" customHeight="1" thickBot="1">
      <c r="A6" s="153"/>
      <c r="B6" s="154"/>
      <c r="C6" s="79" t="s">
        <v>99</v>
      </c>
      <c r="D6" s="44"/>
      <c r="E6" s="14" t="s">
        <v>26</v>
      </c>
      <c r="F6" s="15">
        <v>0</v>
      </c>
      <c r="G6" s="15">
        <v>0</v>
      </c>
      <c r="H6" s="15">
        <v>0</v>
      </c>
      <c r="I6" s="15"/>
      <c r="J6" s="15"/>
      <c r="K6" s="15"/>
      <c r="L6" s="15"/>
      <c r="M6" s="15"/>
      <c r="N6" s="15"/>
      <c r="O6" s="15">
        <v>0</v>
      </c>
      <c r="P6" s="10">
        <v>0</v>
      </c>
      <c r="Q6" s="16"/>
    </row>
    <row r="7" spans="1:17" s="12" customFormat="1" ht="15.75" customHeight="1" thickTop="1">
      <c r="A7" s="155" t="s">
        <v>9</v>
      </c>
      <c r="B7" s="158" t="s">
        <v>29</v>
      </c>
      <c r="C7" s="58" t="s">
        <v>17</v>
      </c>
      <c r="D7" s="59" t="s">
        <v>45</v>
      </c>
      <c r="E7" s="60" t="s">
        <v>10</v>
      </c>
      <c r="F7" s="61">
        <v>2</v>
      </c>
      <c r="G7" s="61">
        <v>2</v>
      </c>
      <c r="H7" s="61"/>
      <c r="I7" s="61"/>
      <c r="J7" s="61"/>
      <c r="K7" s="61"/>
      <c r="L7" s="61"/>
      <c r="M7" s="61"/>
      <c r="N7" s="61"/>
      <c r="O7" s="161">
        <v>32</v>
      </c>
      <c r="P7" s="188">
        <v>8</v>
      </c>
      <c r="Q7" s="18"/>
    </row>
    <row r="8" spans="1:17" s="12" customFormat="1" ht="15.75" customHeight="1">
      <c r="A8" s="156"/>
      <c r="B8" s="159"/>
      <c r="C8" s="8" t="s">
        <v>18</v>
      </c>
      <c r="D8" s="42" t="s">
        <v>46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77"/>
      <c r="Q8" s="11"/>
    </row>
    <row r="9" spans="1:17" s="12" customFormat="1" ht="15.75" customHeight="1">
      <c r="A9" s="156"/>
      <c r="B9" s="159"/>
      <c r="C9" s="8" t="s">
        <v>98</v>
      </c>
      <c r="D9" s="43" t="s">
        <v>47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77"/>
      <c r="Q9" s="11"/>
    </row>
    <row r="10" spans="1:17" s="12" customFormat="1" ht="15.75" customHeight="1" thickBot="1">
      <c r="A10" s="156"/>
      <c r="B10" s="160"/>
      <c r="C10" s="21" t="s">
        <v>24</v>
      </c>
      <c r="D10" s="42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178"/>
      <c r="Q10" s="24"/>
    </row>
    <row r="11" spans="1:17" s="12" customFormat="1" ht="15.75" customHeight="1">
      <c r="A11" s="156"/>
      <c r="B11" s="198" t="s">
        <v>30</v>
      </c>
      <c r="C11" s="25" t="s">
        <v>19</v>
      </c>
      <c r="D11" s="45" t="s">
        <v>43</v>
      </c>
      <c r="E11" s="26" t="s">
        <v>10</v>
      </c>
      <c r="F11" s="27">
        <v>4</v>
      </c>
      <c r="G11" s="27">
        <v>2</v>
      </c>
      <c r="H11" s="27">
        <v>2</v>
      </c>
      <c r="I11" s="27"/>
      <c r="J11" s="27"/>
      <c r="K11" s="27"/>
      <c r="L11" s="27"/>
      <c r="M11" s="27"/>
      <c r="N11" s="27"/>
      <c r="O11" s="162"/>
      <c r="P11" s="176">
        <v>12</v>
      </c>
      <c r="Q11" s="28"/>
    </row>
    <row r="12" spans="1:17" s="12" customFormat="1" ht="36" customHeight="1">
      <c r="A12" s="156"/>
      <c r="B12" s="189"/>
      <c r="C12" s="29" t="s">
        <v>20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31</v>
      </c>
    </row>
    <row r="13" spans="1:17" s="12" customFormat="1" ht="49.5" customHeight="1" thickBot="1">
      <c r="A13" s="156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38</v>
      </c>
    </row>
    <row r="14" spans="1:17" s="12" customFormat="1" ht="15.75" customHeight="1">
      <c r="A14" s="156"/>
      <c r="B14" s="189" t="s">
        <v>33</v>
      </c>
      <c r="C14" s="17" t="s">
        <v>21</v>
      </c>
      <c r="D14" s="62" t="s">
        <v>93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39</v>
      </c>
    </row>
    <row r="15" spans="1:17" s="12" customFormat="1" ht="15.75" customHeight="1">
      <c r="A15" s="156"/>
      <c r="B15" s="189"/>
      <c r="C15" s="8" t="s">
        <v>22</v>
      </c>
      <c r="D15" s="48" t="s">
        <v>9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157"/>
      <c r="B16" s="190"/>
      <c r="C16" s="13" t="s">
        <v>23</v>
      </c>
      <c r="D16" s="63" t="s">
        <v>95</v>
      </c>
      <c r="E16" s="14" t="s">
        <v>11</v>
      </c>
      <c r="F16" s="15">
        <v>4</v>
      </c>
      <c r="G16" s="15"/>
      <c r="H16" s="15"/>
      <c r="I16" s="15"/>
      <c r="J16" s="15"/>
      <c r="K16" s="15"/>
      <c r="L16" s="15"/>
      <c r="M16" s="15"/>
      <c r="N16" s="15"/>
      <c r="O16" s="163"/>
      <c r="P16" s="191"/>
      <c r="Q16" s="181"/>
    </row>
    <row r="17" spans="1:17" s="53" customFormat="1" ht="15" customHeight="1" thickTop="1">
      <c r="A17" s="192" t="s">
        <v>48</v>
      </c>
      <c r="B17" s="193"/>
      <c r="C17" s="80" t="s">
        <v>112</v>
      </c>
      <c r="D17" s="65" t="s">
        <v>50</v>
      </c>
      <c r="E17" s="67" t="s">
        <v>113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3</v>
      </c>
      <c r="Q17" s="81"/>
    </row>
    <row r="18" spans="1:17" s="53" customFormat="1" ht="15" customHeight="1">
      <c r="A18" s="194"/>
      <c r="B18" s="195"/>
      <c r="C18" s="82" t="s">
        <v>114</v>
      </c>
      <c r="D18" s="43" t="s">
        <v>52</v>
      </c>
      <c r="E18" s="51" t="s">
        <v>113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83"/>
    </row>
    <row r="19" spans="1:17" s="53" customFormat="1" ht="15" customHeight="1">
      <c r="A19" s="194"/>
      <c r="B19" s="195"/>
      <c r="C19" s="82" t="s">
        <v>115</v>
      </c>
      <c r="D19" s="43" t="s">
        <v>54</v>
      </c>
      <c r="E19" s="51" t="s">
        <v>113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83"/>
    </row>
    <row r="20" spans="1:17" s="53" customFormat="1" ht="15" customHeight="1">
      <c r="A20" s="194"/>
      <c r="B20" s="195"/>
      <c r="C20" s="82" t="s">
        <v>116</v>
      </c>
      <c r="D20" s="43" t="s">
        <v>56</v>
      </c>
      <c r="E20" s="51" t="s">
        <v>113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83"/>
    </row>
    <row r="21" spans="1:17" s="53" customFormat="1" ht="15" customHeight="1">
      <c r="A21" s="194"/>
      <c r="B21" s="195"/>
      <c r="C21" s="82" t="s">
        <v>117</v>
      </c>
      <c r="D21" s="43" t="s">
        <v>58</v>
      </c>
      <c r="E21" s="51" t="s">
        <v>113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83"/>
    </row>
    <row r="22" spans="1:17" s="53" customFormat="1" ht="15" customHeight="1">
      <c r="A22" s="194"/>
      <c r="B22" s="195"/>
      <c r="C22" s="82" t="s">
        <v>118</v>
      </c>
      <c r="D22" s="43" t="s">
        <v>60</v>
      </c>
      <c r="E22" s="51" t="s">
        <v>113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83"/>
    </row>
    <row r="23" spans="1:17" s="53" customFormat="1" ht="15" customHeight="1">
      <c r="A23" s="194"/>
      <c r="B23" s="195"/>
      <c r="C23" s="84" t="s">
        <v>119</v>
      </c>
      <c r="D23" s="43" t="s">
        <v>62</v>
      </c>
      <c r="E23" s="51" t="s">
        <v>113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83"/>
    </row>
    <row r="24" spans="1:17" s="53" customFormat="1" ht="15" customHeight="1">
      <c r="A24" s="194"/>
      <c r="B24" s="195"/>
      <c r="C24" s="82" t="s">
        <v>120</v>
      </c>
      <c r="D24" s="43" t="s">
        <v>64</v>
      </c>
      <c r="E24" s="51" t="s">
        <v>113</v>
      </c>
      <c r="F24" s="51">
        <v>3</v>
      </c>
      <c r="G24" s="51"/>
      <c r="H24" s="51"/>
      <c r="I24" s="51">
        <v>3</v>
      </c>
      <c r="J24" s="51"/>
      <c r="K24" s="51"/>
      <c r="L24" s="51"/>
      <c r="M24" s="51"/>
      <c r="N24" s="51"/>
      <c r="O24" s="183"/>
      <c r="P24" s="186"/>
      <c r="Q24" s="83"/>
    </row>
    <row r="25" spans="1:17" s="53" customFormat="1" ht="15" customHeight="1">
      <c r="A25" s="194"/>
      <c r="B25" s="195"/>
      <c r="C25" s="82" t="s">
        <v>121</v>
      </c>
      <c r="D25" s="43" t="s">
        <v>66</v>
      </c>
      <c r="E25" s="51" t="s">
        <v>113</v>
      </c>
      <c r="F25" s="51">
        <v>3</v>
      </c>
      <c r="G25" s="51"/>
      <c r="H25" s="51"/>
      <c r="I25" s="51"/>
      <c r="J25" s="51">
        <v>3</v>
      </c>
      <c r="K25" s="51"/>
      <c r="L25" s="51"/>
      <c r="M25" s="51"/>
      <c r="N25" s="51"/>
      <c r="O25" s="183"/>
      <c r="P25" s="186"/>
      <c r="Q25" s="83"/>
    </row>
    <row r="26" spans="1:17" s="53" customFormat="1" ht="15" customHeight="1">
      <c r="A26" s="194"/>
      <c r="B26" s="195"/>
      <c r="C26" s="82" t="s">
        <v>122</v>
      </c>
      <c r="D26" s="43" t="s">
        <v>68</v>
      </c>
      <c r="E26" s="51" t="s">
        <v>113</v>
      </c>
      <c r="F26" s="51">
        <v>3</v>
      </c>
      <c r="G26" s="51"/>
      <c r="H26" s="51"/>
      <c r="I26" s="51">
        <v>3</v>
      </c>
      <c r="J26" s="51"/>
      <c r="K26" s="51"/>
      <c r="L26" s="51"/>
      <c r="M26" s="51"/>
      <c r="N26" s="51"/>
      <c r="O26" s="183"/>
      <c r="P26" s="186"/>
      <c r="Q26" s="83"/>
    </row>
    <row r="27" spans="1:17" s="53" customFormat="1" ht="15" customHeight="1">
      <c r="A27" s="194"/>
      <c r="B27" s="195"/>
      <c r="C27" s="82" t="s">
        <v>123</v>
      </c>
      <c r="D27" s="43" t="s">
        <v>70</v>
      </c>
      <c r="E27" s="51" t="s">
        <v>113</v>
      </c>
      <c r="F27" s="51">
        <v>3</v>
      </c>
      <c r="G27" s="51"/>
      <c r="H27" s="51"/>
      <c r="I27" s="51"/>
      <c r="J27" s="51">
        <v>3</v>
      </c>
      <c r="K27" s="51"/>
      <c r="L27" s="51"/>
      <c r="M27" s="51"/>
      <c r="N27" s="51"/>
      <c r="O27" s="183"/>
      <c r="P27" s="186"/>
      <c r="Q27" s="83"/>
    </row>
    <row r="28" spans="1:17" s="53" customFormat="1" ht="15" customHeight="1">
      <c r="A28" s="194"/>
      <c r="B28" s="195"/>
      <c r="C28" s="82" t="s">
        <v>124</v>
      </c>
      <c r="D28" s="43" t="s">
        <v>74</v>
      </c>
      <c r="E28" s="51" t="s">
        <v>113</v>
      </c>
      <c r="F28" s="51">
        <v>3</v>
      </c>
      <c r="G28" s="51"/>
      <c r="H28" s="51"/>
      <c r="I28" s="51"/>
      <c r="J28" s="51"/>
      <c r="K28" s="51">
        <v>3</v>
      </c>
      <c r="L28" s="51"/>
      <c r="M28" s="51"/>
      <c r="N28" s="51"/>
      <c r="O28" s="183"/>
      <c r="P28" s="186"/>
      <c r="Q28" s="83"/>
    </row>
    <row r="29" spans="1:17" s="53" customFormat="1" ht="15" customHeight="1">
      <c r="A29" s="194"/>
      <c r="B29" s="195"/>
      <c r="C29" s="82" t="s">
        <v>130</v>
      </c>
      <c r="D29" s="43" t="s">
        <v>76</v>
      </c>
      <c r="E29" s="51" t="s">
        <v>113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83"/>
    </row>
    <row r="30" spans="1:17" s="53" customFormat="1" ht="15" customHeight="1" thickBot="1">
      <c r="A30" s="196"/>
      <c r="B30" s="197"/>
      <c r="C30" s="85" t="s">
        <v>131</v>
      </c>
      <c r="D30" s="70" t="s">
        <v>78</v>
      </c>
      <c r="E30" s="72" t="s">
        <v>113</v>
      </c>
      <c r="F30" s="72">
        <v>3</v>
      </c>
      <c r="G30" s="72"/>
      <c r="H30" s="72"/>
      <c r="I30" s="72"/>
      <c r="J30" s="72"/>
      <c r="K30" s="72"/>
      <c r="L30" s="72">
        <v>3</v>
      </c>
      <c r="M30" s="72"/>
      <c r="N30" s="72"/>
      <c r="O30" s="183"/>
      <c r="P30" s="187"/>
      <c r="Q30" s="86"/>
    </row>
    <row r="31" spans="1:17" ht="17.25" customHeight="1" thickTop="1">
      <c r="A31" s="219" t="s">
        <v>111</v>
      </c>
      <c r="B31" s="220"/>
      <c r="C31" s="80" t="s">
        <v>125</v>
      </c>
      <c r="D31" s="65" t="s">
        <v>81</v>
      </c>
      <c r="E31" s="67" t="s">
        <v>113</v>
      </c>
      <c r="F31" s="67">
        <v>3</v>
      </c>
      <c r="G31" s="67"/>
      <c r="H31" s="67"/>
      <c r="I31" s="67"/>
      <c r="J31" s="67">
        <v>3</v>
      </c>
      <c r="K31" s="67"/>
      <c r="L31" s="67"/>
      <c r="M31" s="67"/>
      <c r="N31" s="67"/>
      <c r="O31" s="183"/>
      <c r="P31" s="161">
        <v>12</v>
      </c>
      <c r="Q31" s="218" t="s">
        <v>189</v>
      </c>
    </row>
    <row r="32" spans="1:17">
      <c r="A32" s="221"/>
      <c r="B32" s="222"/>
      <c r="C32" s="82" t="s">
        <v>126</v>
      </c>
      <c r="D32" s="43" t="s">
        <v>90</v>
      </c>
      <c r="E32" s="51" t="s">
        <v>113</v>
      </c>
      <c r="F32" s="51">
        <v>3</v>
      </c>
      <c r="G32" s="51"/>
      <c r="H32" s="51"/>
      <c r="I32" s="51"/>
      <c r="J32" s="51">
        <v>3</v>
      </c>
      <c r="K32" s="57"/>
      <c r="L32" s="57"/>
      <c r="M32" s="57"/>
      <c r="N32" s="57"/>
      <c r="O32" s="183"/>
      <c r="P32" s="162"/>
      <c r="Q32" s="122"/>
    </row>
    <row r="33" spans="1:17">
      <c r="A33" s="221"/>
      <c r="B33" s="222"/>
      <c r="C33" s="82" t="s">
        <v>127</v>
      </c>
      <c r="D33" s="43" t="s">
        <v>85</v>
      </c>
      <c r="E33" s="51" t="s">
        <v>113</v>
      </c>
      <c r="F33" s="51">
        <v>3</v>
      </c>
      <c r="G33" s="51"/>
      <c r="H33" s="51"/>
      <c r="I33" s="51"/>
      <c r="J33" s="51"/>
      <c r="K33" s="51">
        <v>3</v>
      </c>
      <c r="L33" s="51"/>
      <c r="M33" s="51"/>
      <c r="N33" s="51"/>
      <c r="O33" s="183"/>
      <c r="P33" s="162"/>
      <c r="Q33" s="122"/>
    </row>
    <row r="34" spans="1:17">
      <c r="A34" s="221"/>
      <c r="B34" s="222"/>
      <c r="C34" s="82" t="s">
        <v>132</v>
      </c>
      <c r="D34" s="43" t="s">
        <v>88</v>
      </c>
      <c r="E34" s="51" t="s">
        <v>113</v>
      </c>
      <c r="F34" s="51">
        <v>3</v>
      </c>
      <c r="G34" s="51"/>
      <c r="H34" s="51"/>
      <c r="I34" s="51"/>
      <c r="J34" s="51"/>
      <c r="K34" s="51">
        <v>3</v>
      </c>
      <c r="L34" s="51"/>
      <c r="M34" s="51"/>
      <c r="N34" s="51"/>
      <c r="O34" s="183"/>
      <c r="P34" s="162"/>
      <c r="Q34" s="122"/>
    </row>
    <row r="35" spans="1:17">
      <c r="A35" s="221"/>
      <c r="B35" s="222"/>
      <c r="C35" s="87" t="s">
        <v>135</v>
      </c>
      <c r="D35" s="88" t="s">
        <v>133</v>
      </c>
      <c r="E35" s="89" t="s">
        <v>136</v>
      </c>
      <c r="F35" s="90">
        <v>3</v>
      </c>
      <c r="G35" s="90"/>
      <c r="H35" s="90"/>
      <c r="I35" s="90"/>
      <c r="J35" s="90"/>
      <c r="K35" s="90">
        <v>3</v>
      </c>
      <c r="L35" s="51"/>
      <c r="M35" s="51"/>
      <c r="N35" s="51"/>
      <c r="O35" s="183"/>
      <c r="P35" s="162"/>
      <c r="Q35" s="122"/>
    </row>
    <row r="36" spans="1:17">
      <c r="A36" s="221"/>
      <c r="B36" s="222"/>
      <c r="C36" s="82" t="s">
        <v>128</v>
      </c>
      <c r="D36" s="43" t="s">
        <v>83</v>
      </c>
      <c r="E36" s="51" t="s">
        <v>113</v>
      </c>
      <c r="F36" s="51">
        <v>3</v>
      </c>
      <c r="G36" s="51"/>
      <c r="H36" s="51"/>
      <c r="I36" s="51"/>
      <c r="J36" s="51"/>
      <c r="K36" s="51"/>
      <c r="L36" s="51">
        <v>3</v>
      </c>
      <c r="M36" s="51"/>
      <c r="N36" s="51"/>
      <c r="O36" s="183"/>
      <c r="P36" s="162"/>
      <c r="Q36" s="122"/>
    </row>
    <row r="37" spans="1:17" ht="17.5" thickBot="1">
      <c r="A37" s="223"/>
      <c r="B37" s="224"/>
      <c r="C37" s="85" t="s">
        <v>129</v>
      </c>
      <c r="D37" s="70" t="s">
        <v>92</v>
      </c>
      <c r="E37" s="72" t="s">
        <v>113</v>
      </c>
      <c r="F37" s="72">
        <v>3</v>
      </c>
      <c r="G37" s="72"/>
      <c r="H37" s="72"/>
      <c r="I37" s="72"/>
      <c r="J37" s="72"/>
      <c r="K37" s="72"/>
      <c r="L37" s="72">
        <v>3</v>
      </c>
      <c r="M37" s="72"/>
      <c r="N37" s="72"/>
      <c r="O37" s="184"/>
      <c r="P37" s="163"/>
      <c r="Q37" s="123"/>
    </row>
    <row r="38" spans="1:17" s="3" customFormat="1" ht="39.75" customHeight="1" thickTop="1">
      <c r="A38" s="139" t="s">
        <v>34</v>
      </c>
      <c r="B38" s="140"/>
      <c r="C38" s="143">
        <v>32</v>
      </c>
      <c r="D38" s="145" t="s">
        <v>35</v>
      </c>
      <c r="E38" s="40" t="s">
        <v>41</v>
      </c>
      <c r="F38" s="1">
        <v>53</v>
      </c>
      <c r="G38" s="147">
        <v>65</v>
      </c>
      <c r="H38" s="148"/>
      <c r="I38" s="164" t="s">
        <v>40</v>
      </c>
      <c r="J38" s="165"/>
      <c r="K38" s="165"/>
      <c r="L38" s="166"/>
      <c r="M38" s="147">
        <v>31</v>
      </c>
      <c r="N38" s="169"/>
      <c r="O38" s="118" t="s">
        <v>36</v>
      </c>
      <c r="P38" s="119"/>
      <c r="Q38" s="135">
        <f>C38+G38+M38</f>
        <v>128</v>
      </c>
    </row>
    <row r="39" spans="1:17" s="3" customFormat="1" ht="39.75" customHeight="1" thickBot="1">
      <c r="A39" s="141"/>
      <c r="B39" s="142"/>
      <c r="C39" s="144"/>
      <c r="D39" s="146"/>
      <c r="E39" s="41" t="s">
        <v>42</v>
      </c>
      <c r="F39" s="2">
        <v>12</v>
      </c>
      <c r="G39" s="149"/>
      <c r="H39" s="150"/>
      <c r="I39" s="141"/>
      <c r="J39" s="167"/>
      <c r="K39" s="167"/>
      <c r="L39" s="168"/>
      <c r="M39" s="149"/>
      <c r="N39" s="170"/>
      <c r="O39" s="120"/>
      <c r="P39" s="121"/>
      <c r="Q39" s="136"/>
    </row>
    <row r="40" spans="1:17" ht="55" customHeight="1">
      <c r="A40" s="203" t="s">
        <v>180</v>
      </c>
      <c r="B40" s="204"/>
      <c r="C40" s="205" t="s">
        <v>181</v>
      </c>
      <c r="D40" s="206"/>
      <c r="E40" s="206"/>
      <c r="F40" s="206"/>
      <c r="G40" s="206"/>
      <c r="H40" s="206"/>
      <c r="I40" s="206"/>
      <c r="J40" s="206"/>
      <c r="K40" s="206"/>
      <c r="L40" s="206"/>
      <c r="M40" s="206"/>
      <c r="N40" s="206"/>
      <c r="O40" s="206"/>
      <c r="P40" s="206"/>
      <c r="Q40" s="207"/>
    </row>
    <row r="41" spans="1:17" ht="17.5" customHeight="1">
      <c r="A41" s="208" t="s">
        <v>182</v>
      </c>
      <c r="B41" s="209"/>
      <c r="C41" s="210" t="s">
        <v>183</v>
      </c>
      <c r="D41" s="211"/>
      <c r="E41" s="211"/>
      <c r="F41" s="211"/>
      <c r="G41" s="211"/>
      <c r="H41" s="211"/>
      <c r="I41" s="211"/>
      <c r="J41" s="211"/>
      <c r="K41" s="211"/>
      <c r="L41" s="211"/>
      <c r="M41" s="211"/>
      <c r="N41" s="211"/>
      <c r="O41" s="211"/>
      <c r="P41" s="211"/>
      <c r="Q41" s="212"/>
    </row>
    <row r="42" spans="1:17" ht="26" customHeight="1" thickBot="1">
      <c r="A42" s="213" t="s">
        <v>184</v>
      </c>
      <c r="B42" s="214"/>
      <c r="C42" s="215" t="s">
        <v>185</v>
      </c>
      <c r="D42" s="216"/>
      <c r="E42" s="216"/>
      <c r="F42" s="216"/>
      <c r="G42" s="216"/>
      <c r="H42" s="216"/>
      <c r="I42" s="216"/>
      <c r="J42" s="216"/>
      <c r="K42" s="216"/>
      <c r="L42" s="216"/>
      <c r="M42" s="216"/>
      <c r="N42" s="216"/>
      <c r="O42" s="216"/>
      <c r="P42" s="216"/>
      <c r="Q42" s="217"/>
    </row>
    <row r="43" spans="1:17">
      <c r="A43" s="201" t="s">
        <v>106</v>
      </c>
      <c r="B43" s="201"/>
      <c r="C43" s="201"/>
      <c r="D43" s="201" t="s">
        <v>107</v>
      </c>
      <c r="E43" s="201"/>
      <c r="F43" s="201"/>
      <c r="G43" s="201"/>
      <c r="H43" s="201" t="s">
        <v>108</v>
      </c>
      <c r="I43" s="201"/>
      <c r="J43" s="201"/>
      <c r="K43" s="201"/>
      <c r="L43" s="201"/>
      <c r="M43" s="201"/>
      <c r="N43" s="201"/>
      <c r="O43" s="202" t="s">
        <v>177</v>
      </c>
      <c r="P43" s="202"/>
      <c r="Q43" s="202"/>
    </row>
  </sheetData>
  <mergeCells count="48">
    <mergeCell ref="A43:C43"/>
    <mergeCell ref="D43:G43"/>
    <mergeCell ref="H43:N43"/>
    <mergeCell ref="O43:Q43"/>
    <mergeCell ref="A40:B40"/>
    <mergeCell ref="C40:Q40"/>
    <mergeCell ref="A41:B41"/>
    <mergeCell ref="C41:Q41"/>
    <mergeCell ref="A42:B42"/>
    <mergeCell ref="C42:Q42"/>
    <mergeCell ref="O38:P39"/>
    <mergeCell ref="Q38:Q39"/>
    <mergeCell ref="A38:B39"/>
    <mergeCell ref="C38:C39"/>
    <mergeCell ref="D38:D39"/>
    <mergeCell ref="G38:H39"/>
    <mergeCell ref="I38:L39"/>
    <mergeCell ref="M38:N39"/>
    <mergeCell ref="Q31:Q37"/>
    <mergeCell ref="A7:A16"/>
    <mergeCell ref="B7:B10"/>
    <mergeCell ref="O7:O16"/>
    <mergeCell ref="P7:P10"/>
    <mergeCell ref="B11:B13"/>
    <mergeCell ref="A17:B30"/>
    <mergeCell ref="O17:O37"/>
    <mergeCell ref="P17:P30"/>
    <mergeCell ref="A31:B37"/>
    <mergeCell ref="P31:P37"/>
    <mergeCell ref="A5:B6"/>
    <mergeCell ref="P11:P13"/>
    <mergeCell ref="B14:B16"/>
    <mergeCell ref="P14:P16"/>
    <mergeCell ref="Q14:Q16"/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  <mergeCell ref="M3:N3"/>
    <mergeCell ref="O3:O4"/>
    <mergeCell ref="P3:P4"/>
    <mergeCell ref="Q3:Q4"/>
  </mergeCells>
  <phoneticPr fontId="19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第&amp;P頁，共&amp;N頁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4"/>
  <sheetViews>
    <sheetView topLeftCell="A39" zoomScaleNormal="100" workbookViewId="0">
      <selection activeCell="F47" sqref="F47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3.36328125" style="4" customWidth="1"/>
    <col min="18" max="16384" width="9" style="4"/>
  </cols>
  <sheetData>
    <row r="1" spans="1:17" ht="21.5">
      <c r="A1" s="124" t="s">
        <v>140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 thickBot="1">
      <c r="A5" s="151" t="s">
        <v>28</v>
      </c>
      <c r="B5" s="152"/>
      <c r="C5" s="8" t="s">
        <v>25</v>
      </c>
      <c r="D5" s="48" t="s">
        <v>44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6.5" customHeight="1" thickBot="1">
      <c r="A6" s="153"/>
      <c r="B6" s="154"/>
      <c r="C6" s="79" t="s">
        <v>99</v>
      </c>
      <c r="D6" s="109" t="s">
        <v>174</v>
      </c>
      <c r="E6" s="14" t="s">
        <v>26</v>
      </c>
      <c r="F6" s="15">
        <v>0</v>
      </c>
      <c r="G6" s="15">
        <v>0</v>
      </c>
      <c r="H6" s="15">
        <v>0</v>
      </c>
      <c r="I6" s="15"/>
      <c r="J6" s="15"/>
      <c r="K6" s="15"/>
      <c r="L6" s="15"/>
      <c r="M6" s="15"/>
      <c r="N6" s="15"/>
      <c r="O6" s="15">
        <v>0</v>
      </c>
      <c r="P6" s="10">
        <v>0</v>
      </c>
      <c r="Q6" s="16"/>
    </row>
    <row r="7" spans="1:17" s="12" customFormat="1" ht="15.75" customHeight="1" thickTop="1">
      <c r="A7" s="155" t="s">
        <v>9</v>
      </c>
      <c r="B7" s="158" t="s">
        <v>29</v>
      </c>
      <c r="C7" s="58" t="s">
        <v>17</v>
      </c>
      <c r="D7" s="59" t="s">
        <v>45</v>
      </c>
      <c r="E7" s="60" t="s">
        <v>10</v>
      </c>
      <c r="F7" s="61">
        <v>2</v>
      </c>
      <c r="G7" s="61">
        <v>2</v>
      </c>
      <c r="H7" s="61"/>
      <c r="I7" s="61"/>
      <c r="J7" s="61"/>
      <c r="K7" s="61"/>
      <c r="L7" s="61"/>
      <c r="M7" s="61"/>
      <c r="N7" s="61"/>
      <c r="O7" s="161">
        <v>32</v>
      </c>
      <c r="P7" s="188">
        <v>8</v>
      </c>
      <c r="Q7" s="18"/>
    </row>
    <row r="8" spans="1:17" s="12" customFormat="1" ht="15.75" customHeight="1">
      <c r="A8" s="156"/>
      <c r="B8" s="159"/>
      <c r="C8" s="8" t="s">
        <v>18</v>
      </c>
      <c r="D8" s="42" t="s">
        <v>46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77"/>
      <c r="Q8" s="11"/>
    </row>
    <row r="9" spans="1:17" s="12" customFormat="1" ht="15.75" customHeight="1">
      <c r="A9" s="156"/>
      <c r="B9" s="159"/>
      <c r="C9" s="8" t="s">
        <v>98</v>
      </c>
      <c r="D9" s="43" t="s">
        <v>47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77"/>
      <c r="Q9" s="11"/>
    </row>
    <row r="10" spans="1:17" s="12" customFormat="1" ht="15.75" customHeight="1" thickBot="1">
      <c r="A10" s="156"/>
      <c r="B10" s="160"/>
      <c r="C10" s="21" t="s">
        <v>24</v>
      </c>
      <c r="D10" s="42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178"/>
      <c r="Q10" s="24"/>
    </row>
    <row r="11" spans="1:17" s="12" customFormat="1" ht="15.75" customHeight="1">
      <c r="A11" s="156"/>
      <c r="B11" s="198" t="s">
        <v>30</v>
      </c>
      <c r="C11" s="25" t="s">
        <v>19</v>
      </c>
      <c r="D11" s="45" t="s">
        <v>43</v>
      </c>
      <c r="E11" s="26" t="s">
        <v>10</v>
      </c>
      <c r="F11" s="27">
        <v>4</v>
      </c>
      <c r="G11" s="27">
        <v>2</v>
      </c>
      <c r="H11" s="27">
        <v>2</v>
      </c>
      <c r="I11" s="27"/>
      <c r="J11" s="27"/>
      <c r="K11" s="27"/>
      <c r="L11" s="27"/>
      <c r="M11" s="27"/>
      <c r="N11" s="27"/>
      <c r="O11" s="162"/>
      <c r="P11" s="176">
        <v>12</v>
      </c>
      <c r="Q11" s="28"/>
    </row>
    <row r="12" spans="1:17" s="12" customFormat="1" ht="36" customHeight="1">
      <c r="A12" s="156"/>
      <c r="B12" s="189"/>
      <c r="C12" s="29" t="s">
        <v>20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31</v>
      </c>
    </row>
    <row r="13" spans="1:17" s="12" customFormat="1" ht="43.25" customHeight="1" thickBot="1">
      <c r="A13" s="156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38</v>
      </c>
    </row>
    <row r="14" spans="1:17" s="12" customFormat="1" ht="15.75" customHeight="1">
      <c r="A14" s="156"/>
      <c r="B14" s="189" t="s">
        <v>33</v>
      </c>
      <c r="C14" s="17" t="s">
        <v>21</v>
      </c>
      <c r="D14" s="62" t="s">
        <v>93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39</v>
      </c>
    </row>
    <row r="15" spans="1:17" s="12" customFormat="1" ht="15.75" customHeight="1">
      <c r="A15" s="156"/>
      <c r="B15" s="189"/>
      <c r="C15" s="8" t="s">
        <v>22</v>
      </c>
      <c r="D15" s="48" t="s">
        <v>9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157"/>
      <c r="B16" s="190"/>
      <c r="C16" s="13" t="s">
        <v>23</v>
      </c>
      <c r="D16" s="63" t="s">
        <v>95</v>
      </c>
      <c r="E16" s="14" t="s">
        <v>11</v>
      </c>
      <c r="F16" s="15">
        <v>4</v>
      </c>
      <c r="G16" s="15"/>
      <c r="H16" s="15"/>
      <c r="I16" s="15"/>
      <c r="J16" s="15"/>
      <c r="K16" s="15"/>
      <c r="L16" s="15"/>
      <c r="M16" s="15"/>
      <c r="N16" s="15"/>
      <c r="O16" s="163"/>
      <c r="P16" s="191"/>
      <c r="Q16" s="181"/>
    </row>
    <row r="17" spans="1:17" s="53" customFormat="1" ht="15" customHeight="1" thickTop="1">
      <c r="A17" s="192" t="s">
        <v>48</v>
      </c>
      <c r="B17" s="193"/>
      <c r="C17" s="80" t="s">
        <v>112</v>
      </c>
      <c r="D17" s="65" t="s">
        <v>50</v>
      </c>
      <c r="E17" s="67" t="s">
        <v>113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6</v>
      </c>
      <c r="Q17" s="81"/>
    </row>
    <row r="18" spans="1:17" s="53" customFormat="1" ht="15" customHeight="1">
      <c r="A18" s="194"/>
      <c r="B18" s="195"/>
      <c r="C18" s="82" t="s">
        <v>114</v>
      </c>
      <c r="D18" s="43" t="s">
        <v>52</v>
      </c>
      <c r="E18" s="51" t="s">
        <v>113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83"/>
    </row>
    <row r="19" spans="1:17" s="53" customFormat="1" ht="15" customHeight="1">
      <c r="A19" s="194"/>
      <c r="B19" s="195"/>
      <c r="C19" s="82" t="s">
        <v>115</v>
      </c>
      <c r="D19" s="43" t="s">
        <v>54</v>
      </c>
      <c r="E19" s="51" t="s">
        <v>113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83"/>
    </row>
    <row r="20" spans="1:17" s="53" customFormat="1" ht="15" customHeight="1">
      <c r="A20" s="194"/>
      <c r="B20" s="195"/>
      <c r="C20" s="49" t="s">
        <v>138</v>
      </c>
      <c r="D20" s="43" t="s">
        <v>139</v>
      </c>
      <c r="E20" s="51" t="s">
        <v>113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83"/>
    </row>
    <row r="21" spans="1:17" s="53" customFormat="1" ht="15" customHeight="1">
      <c r="A21" s="194"/>
      <c r="B21" s="195"/>
      <c r="C21" s="82" t="s">
        <v>117</v>
      </c>
      <c r="D21" s="43" t="s">
        <v>58</v>
      </c>
      <c r="E21" s="51" t="s">
        <v>113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83"/>
    </row>
    <row r="22" spans="1:17" s="53" customFormat="1" ht="15" customHeight="1">
      <c r="A22" s="194"/>
      <c r="B22" s="195"/>
      <c r="C22" s="82" t="s">
        <v>118</v>
      </c>
      <c r="D22" s="43" t="s">
        <v>60</v>
      </c>
      <c r="E22" s="51" t="s">
        <v>113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83"/>
    </row>
    <row r="23" spans="1:17" s="53" customFormat="1" ht="15" customHeight="1">
      <c r="A23" s="194"/>
      <c r="B23" s="195"/>
      <c r="C23" s="84" t="s">
        <v>119</v>
      </c>
      <c r="D23" s="43" t="s">
        <v>62</v>
      </c>
      <c r="E23" s="51" t="s">
        <v>113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83"/>
    </row>
    <row r="24" spans="1:17" s="53" customFormat="1" ht="21.65" customHeight="1">
      <c r="A24" s="194"/>
      <c r="B24" s="195"/>
      <c r="C24" s="82" t="s">
        <v>126</v>
      </c>
      <c r="D24" s="43" t="s">
        <v>90</v>
      </c>
      <c r="E24" s="51" t="s">
        <v>113</v>
      </c>
      <c r="F24" s="51">
        <v>3</v>
      </c>
      <c r="G24" s="51"/>
      <c r="H24" s="51"/>
      <c r="I24" s="51"/>
      <c r="J24" s="51">
        <v>3</v>
      </c>
      <c r="K24" s="51"/>
      <c r="L24" s="51"/>
      <c r="M24" s="51"/>
      <c r="N24" s="51"/>
      <c r="O24" s="183"/>
      <c r="P24" s="186"/>
      <c r="Q24" s="91" t="s">
        <v>188</v>
      </c>
    </row>
    <row r="25" spans="1:17" s="53" customFormat="1" ht="15" customHeight="1">
      <c r="A25" s="194"/>
      <c r="B25" s="195"/>
      <c r="C25" s="82" t="s">
        <v>120</v>
      </c>
      <c r="D25" s="43" t="s">
        <v>64</v>
      </c>
      <c r="E25" s="51" t="s">
        <v>113</v>
      </c>
      <c r="F25" s="51">
        <v>3</v>
      </c>
      <c r="G25" s="51"/>
      <c r="H25" s="51"/>
      <c r="I25" s="51">
        <v>3</v>
      </c>
      <c r="J25" s="51"/>
      <c r="K25" s="51"/>
      <c r="L25" s="51"/>
      <c r="M25" s="51"/>
      <c r="N25" s="51"/>
      <c r="O25" s="183"/>
      <c r="P25" s="186"/>
      <c r="Q25" s="83"/>
    </row>
    <row r="26" spans="1:17" s="53" customFormat="1" ht="15" customHeight="1">
      <c r="A26" s="194"/>
      <c r="B26" s="195"/>
      <c r="C26" s="82" t="s">
        <v>121</v>
      </c>
      <c r="D26" s="43" t="s">
        <v>66</v>
      </c>
      <c r="E26" s="51" t="s">
        <v>113</v>
      </c>
      <c r="F26" s="51">
        <v>3</v>
      </c>
      <c r="G26" s="51"/>
      <c r="H26" s="51"/>
      <c r="I26" s="51"/>
      <c r="J26" s="51">
        <v>3</v>
      </c>
      <c r="K26" s="51"/>
      <c r="L26" s="51"/>
      <c r="M26" s="51"/>
      <c r="N26" s="51"/>
      <c r="O26" s="183"/>
      <c r="P26" s="186"/>
      <c r="Q26" s="83"/>
    </row>
    <row r="27" spans="1:17" s="53" customFormat="1" ht="15" customHeight="1">
      <c r="A27" s="194"/>
      <c r="B27" s="195"/>
      <c r="C27" s="82" t="s">
        <v>122</v>
      </c>
      <c r="D27" s="43" t="s">
        <v>68</v>
      </c>
      <c r="E27" s="51" t="s">
        <v>113</v>
      </c>
      <c r="F27" s="51">
        <v>3</v>
      </c>
      <c r="G27" s="51"/>
      <c r="H27" s="51"/>
      <c r="I27" s="51">
        <v>3</v>
      </c>
      <c r="J27" s="51"/>
      <c r="K27" s="51"/>
      <c r="L27" s="51"/>
      <c r="M27" s="51"/>
      <c r="N27" s="51"/>
      <c r="O27" s="183"/>
      <c r="P27" s="186"/>
      <c r="Q27" s="83"/>
    </row>
    <row r="28" spans="1:17" s="53" customFormat="1" ht="15" customHeight="1">
      <c r="A28" s="194"/>
      <c r="B28" s="195"/>
      <c r="C28" s="82" t="s">
        <v>123</v>
      </c>
      <c r="D28" s="43" t="s">
        <v>70</v>
      </c>
      <c r="E28" s="51" t="s">
        <v>113</v>
      </c>
      <c r="F28" s="51">
        <v>3</v>
      </c>
      <c r="G28" s="51"/>
      <c r="H28" s="51"/>
      <c r="I28" s="51"/>
      <c r="J28" s="51">
        <v>3</v>
      </c>
      <c r="K28" s="51"/>
      <c r="L28" s="51"/>
      <c r="M28" s="51"/>
      <c r="N28" s="51"/>
      <c r="O28" s="183"/>
      <c r="P28" s="186"/>
      <c r="Q28" s="83"/>
    </row>
    <row r="29" spans="1:17" s="53" customFormat="1" ht="15" customHeight="1">
      <c r="A29" s="194"/>
      <c r="B29" s="195"/>
      <c r="C29" s="82" t="s">
        <v>124</v>
      </c>
      <c r="D29" s="43" t="s">
        <v>74</v>
      </c>
      <c r="E29" s="51" t="s">
        <v>113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83"/>
    </row>
    <row r="30" spans="1:17" s="53" customFormat="1" ht="15" customHeight="1">
      <c r="A30" s="194"/>
      <c r="B30" s="195"/>
      <c r="C30" s="82" t="s">
        <v>130</v>
      </c>
      <c r="D30" s="43" t="s">
        <v>76</v>
      </c>
      <c r="E30" s="51" t="s">
        <v>113</v>
      </c>
      <c r="F30" s="51">
        <v>3</v>
      </c>
      <c r="G30" s="51"/>
      <c r="H30" s="51"/>
      <c r="I30" s="51"/>
      <c r="J30" s="51"/>
      <c r="K30" s="51">
        <v>3</v>
      </c>
      <c r="L30" s="51"/>
      <c r="M30" s="51"/>
      <c r="N30" s="51"/>
      <c r="O30" s="183"/>
      <c r="P30" s="186"/>
      <c r="Q30" s="83"/>
    </row>
    <row r="31" spans="1:17" s="53" customFormat="1" ht="15" customHeight="1" thickBot="1">
      <c r="A31" s="196"/>
      <c r="B31" s="197"/>
      <c r="C31" s="85" t="s">
        <v>131</v>
      </c>
      <c r="D31" s="70" t="s">
        <v>78</v>
      </c>
      <c r="E31" s="72" t="s">
        <v>113</v>
      </c>
      <c r="F31" s="72">
        <v>3</v>
      </c>
      <c r="G31" s="72"/>
      <c r="H31" s="72"/>
      <c r="I31" s="72"/>
      <c r="J31" s="72"/>
      <c r="K31" s="72"/>
      <c r="L31" s="72">
        <v>3</v>
      </c>
      <c r="M31" s="72"/>
      <c r="N31" s="72"/>
      <c r="O31" s="183"/>
      <c r="P31" s="187"/>
      <c r="Q31" s="86"/>
    </row>
    <row r="32" spans="1:17" ht="17.25" customHeight="1" thickTop="1">
      <c r="A32" s="228" t="s">
        <v>145</v>
      </c>
      <c r="B32" s="229"/>
      <c r="C32" s="80" t="s">
        <v>125</v>
      </c>
      <c r="D32" s="65" t="s">
        <v>81</v>
      </c>
      <c r="E32" s="67" t="s">
        <v>152</v>
      </c>
      <c r="F32" s="67">
        <v>3</v>
      </c>
      <c r="G32" s="67"/>
      <c r="H32" s="67"/>
      <c r="I32" s="67"/>
      <c r="J32" s="67">
        <v>3</v>
      </c>
      <c r="K32" s="67"/>
      <c r="L32" s="67"/>
      <c r="M32" s="67"/>
      <c r="N32" s="67"/>
      <c r="O32" s="183"/>
      <c r="P32" s="161">
        <v>9</v>
      </c>
      <c r="Q32" s="225" t="s">
        <v>186</v>
      </c>
    </row>
    <row r="33" spans="1:17">
      <c r="A33" s="230"/>
      <c r="B33" s="231"/>
      <c r="C33" s="82" t="s">
        <v>153</v>
      </c>
      <c r="D33" s="43" t="s">
        <v>142</v>
      </c>
      <c r="E33" s="51" t="s">
        <v>151</v>
      </c>
      <c r="F33" s="51">
        <v>3</v>
      </c>
      <c r="G33" s="51"/>
      <c r="H33" s="51"/>
      <c r="I33" s="51"/>
      <c r="J33" s="51">
        <v>3</v>
      </c>
      <c r="K33" s="57"/>
      <c r="L33" s="57"/>
      <c r="M33" s="57"/>
      <c r="N33" s="57"/>
      <c r="O33" s="183"/>
      <c r="P33" s="162"/>
      <c r="Q33" s="226"/>
    </row>
    <row r="34" spans="1:17">
      <c r="A34" s="230"/>
      <c r="B34" s="231"/>
      <c r="C34" s="82" t="s">
        <v>146</v>
      </c>
      <c r="D34" s="43" t="s">
        <v>143</v>
      </c>
      <c r="E34" s="51" t="s">
        <v>147</v>
      </c>
      <c r="F34" s="51">
        <v>3</v>
      </c>
      <c r="G34" s="51"/>
      <c r="H34" s="51"/>
      <c r="I34" s="51"/>
      <c r="J34" s="51"/>
      <c r="K34" s="57">
        <v>3</v>
      </c>
      <c r="L34" s="57"/>
      <c r="M34" s="57"/>
      <c r="N34" s="57"/>
      <c r="O34" s="183"/>
      <c r="P34" s="162"/>
      <c r="Q34" s="226"/>
    </row>
    <row r="35" spans="1:17">
      <c r="A35" s="230"/>
      <c r="B35" s="231"/>
      <c r="C35" s="82" t="s">
        <v>148</v>
      </c>
      <c r="D35" s="43" t="s">
        <v>144</v>
      </c>
      <c r="E35" s="51" t="s">
        <v>147</v>
      </c>
      <c r="F35" s="51">
        <v>3</v>
      </c>
      <c r="G35" s="51"/>
      <c r="H35" s="51"/>
      <c r="I35" s="51"/>
      <c r="J35" s="51"/>
      <c r="K35" s="57">
        <v>3</v>
      </c>
      <c r="L35" s="57"/>
      <c r="M35" s="57"/>
      <c r="N35" s="57"/>
      <c r="O35" s="183"/>
      <c r="P35" s="162"/>
      <c r="Q35" s="226"/>
    </row>
    <row r="36" spans="1:17">
      <c r="A36" s="230"/>
      <c r="B36" s="231"/>
      <c r="C36" s="92" t="s">
        <v>154</v>
      </c>
      <c r="D36" s="88" t="s">
        <v>133</v>
      </c>
      <c r="E36" s="90" t="s">
        <v>150</v>
      </c>
      <c r="F36" s="90">
        <v>3</v>
      </c>
      <c r="G36" s="90"/>
      <c r="H36" s="90"/>
      <c r="I36" s="90"/>
      <c r="J36" s="90"/>
      <c r="K36" s="90">
        <v>3</v>
      </c>
      <c r="L36" s="57"/>
      <c r="M36" s="57"/>
      <c r="N36" s="57"/>
      <c r="O36" s="183"/>
      <c r="P36" s="162"/>
      <c r="Q36" s="226"/>
    </row>
    <row r="37" spans="1:17">
      <c r="A37" s="230"/>
      <c r="B37" s="231"/>
      <c r="C37" s="82" t="s">
        <v>155</v>
      </c>
      <c r="D37" s="43" t="s">
        <v>85</v>
      </c>
      <c r="E37" s="51" t="s">
        <v>156</v>
      </c>
      <c r="F37" s="51">
        <v>3</v>
      </c>
      <c r="G37" s="51"/>
      <c r="H37" s="51"/>
      <c r="I37" s="51"/>
      <c r="J37" s="51"/>
      <c r="K37" s="51"/>
      <c r="L37" s="51">
        <v>3</v>
      </c>
      <c r="M37" s="51"/>
      <c r="N37" s="51"/>
      <c r="O37" s="183"/>
      <c r="P37" s="162"/>
      <c r="Q37" s="226"/>
    </row>
    <row r="38" spans="1:17" ht="17.5" thickBot="1">
      <c r="A38" s="232"/>
      <c r="B38" s="233"/>
      <c r="C38" s="85" t="s">
        <v>132</v>
      </c>
      <c r="D38" s="70" t="s">
        <v>88</v>
      </c>
      <c r="E38" s="72" t="s">
        <v>149</v>
      </c>
      <c r="F38" s="72">
        <v>3</v>
      </c>
      <c r="G38" s="72"/>
      <c r="H38" s="72"/>
      <c r="I38" s="72"/>
      <c r="J38" s="72"/>
      <c r="K38" s="72"/>
      <c r="L38" s="72">
        <v>3</v>
      </c>
      <c r="M38" s="72"/>
      <c r="N38" s="72"/>
      <c r="O38" s="184"/>
      <c r="P38" s="163"/>
      <c r="Q38" s="227"/>
    </row>
    <row r="39" spans="1:17" s="3" customFormat="1" ht="39.75" customHeight="1" thickTop="1">
      <c r="A39" s="139" t="s">
        <v>34</v>
      </c>
      <c r="B39" s="140"/>
      <c r="C39" s="143">
        <v>32</v>
      </c>
      <c r="D39" s="145" t="s">
        <v>35</v>
      </c>
      <c r="E39" s="40" t="s">
        <v>41</v>
      </c>
      <c r="F39" s="106">
        <v>56</v>
      </c>
      <c r="G39" s="147">
        <v>65</v>
      </c>
      <c r="H39" s="148"/>
      <c r="I39" s="139" t="s">
        <v>40</v>
      </c>
      <c r="J39" s="234"/>
      <c r="K39" s="234"/>
      <c r="L39" s="235"/>
      <c r="M39" s="147">
        <v>31</v>
      </c>
      <c r="N39" s="169"/>
      <c r="O39" s="118" t="s">
        <v>36</v>
      </c>
      <c r="P39" s="119"/>
      <c r="Q39" s="135">
        <f>C39+G39+M39</f>
        <v>128</v>
      </c>
    </row>
    <row r="40" spans="1:17" s="3" customFormat="1" ht="39.75" customHeight="1" thickBot="1">
      <c r="A40" s="141"/>
      <c r="B40" s="142"/>
      <c r="C40" s="144"/>
      <c r="D40" s="146"/>
      <c r="E40" s="41" t="s">
        <v>42</v>
      </c>
      <c r="F40" s="107">
        <v>9</v>
      </c>
      <c r="G40" s="149"/>
      <c r="H40" s="150"/>
      <c r="I40" s="141"/>
      <c r="J40" s="167"/>
      <c r="K40" s="167"/>
      <c r="L40" s="168"/>
      <c r="M40" s="149"/>
      <c r="N40" s="170"/>
      <c r="O40" s="120"/>
      <c r="P40" s="121"/>
      <c r="Q40" s="136"/>
    </row>
    <row r="41" spans="1:17" ht="55" customHeight="1">
      <c r="A41" s="203" t="s">
        <v>180</v>
      </c>
      <c r="B41" s="204"/>
      <c r="C41" s="205" t="s">
        <v>181</v>
      </c>
      <c r="D41" s="206"/>
      <c r="E41" s="206"/>
      <c r="F41" s="206"/>
      <c r="G41" s="206"/>
      <c r="H41" s="206"/>
      <c r="I41" s="206"/>
      <c r="J41" s="206"/>
      <c r="K41" s="206"/>
      <c r="L41" s="206"/>
      <c r="M41" s="206"/>
      <c r="N41" s="206"/>
      <c r="O41" s="206"/>
      <c r="P41" s="206"/>
      <c r="Q41" s="207"/>
    </row>
    <row r="42" spans="1:17" ht="17.5" customHeight="1">
      <c r="A42" s="208" t="s">
        <v>182</v>
      </c>
      <c r="B42" s="209"/>
      <c r="C42" s="210" t="s">
        <v>183</v>
      </c>
      <c r="D42" s="211"/>
      <c r="E42" s="211"/>
      <c r="F42" s="211"/>
      <c r="G42" s="211"/>
      <c r="H42" s="211"/>
      <c r="I42" s="211"/>
      <c r="J42" s="211"/>
      <c r="K42" s="211"/>
      <c r="L42" s="211"/>
      <c r="M42" s="211"/>
      <c r="N42" s="211"/>
      <c r="O42" s="211"/>
      <c r="P42" s="211"/>
      <c r="Q42" s="212"/>
    </row>
    <row r="43" spans="1:17" ht="26" customHeight="1" thickBot="1">
      <c r="A43" s="213" t="s">
        <v>184</v>
      </c>
      <c r="B43" s="214"/>
      <c r="C43" s="215" t="s">
        <v>185</v>
      </c>
      <c r="D43" s="216"/>
      <c r="E43" s="216"/>
      <c r="F43" s="216"/>
      <c r="G43" s="216"/>
      <c r="H43" s="216"/>
      <c r="I43" s="216"/>
      <c r="J43" s="216"/>
      <c r="K43" s="216"/>
      <c r="L43" s="216"/>
      <c r="M43" s="216"/>
      <c r="N43" s="216"/>
      <c r="O43" s="216"/>
      <c r="P43" s="216"/>
      <c r="Q43" s="217"/>
    </row>
    <row r="44" spans="1:17">
      <c r="A44" s="201" t="s">
        <v>106</v>
      </c>
      <c r="B44" s="201"/>
      <c r="C44" s="201"/>
      <c r="D44" s="201" t="s">
        <v>107</v>
      </c>
      <c r="E44" s="201"/>
      <c r="F44" s="201"/>
      <c r="G44" s="201"/>
      <c r="H44" s="201" t="s">
        <v>108</v>
      </c>
      <c r="I44" s="201"/>
      <c r="J44" s="201"/>
      <c r="K44" s="201"/>
      <c r="L44" s="201"/>
      <c r="M44" s="201"/>
      <c r="N44" s="201"/>
      <c r="O44" s="202" t="s">
        <v>177</v>
      </c>
      <c r="P44" s="202"/>
      <c r="Q44" s="202"/>
    </row>
  </sheetData>
  <mergeCells count="48">
    <mergeCell ref="A44:C44"/>
    <mergeCell ref="D44:G44"/>
    <mergeCell ref="H44:N44"/>
    <mergeCell ref="O44:Q44"/>
    <mergeCell ref="A41:B41"/>
    <mergeCell ref="C41:Q41"/>
    <mergeCell ref="A42:B42"/>
    <mergeCell ref="C42:Q42"/>
    <mergeCell ref="A43:B43"/>
    <mergeCell ref="C43:Q43"/>
    <mergeCell ref="O39:P40"/>
    <mergeCell ref="Q39:Q40"/>
    <mergeCell ref="A39:B40"/>
    <mergeCell ref="C39:C40"/>
    <mergeCell ref="D39:D40"/>
    <mergeCell ref="G39:H40"/>
    <mergeCell ref="I39:L40"/>
    <mergeCell ref="M39:N40"/>
    <mergeCell ref="Q32:Q38"/>
    <mergeCell ref="A7:A16"/>
    <mergeCell ref="B7:B10"/>
    <mergeCell ref="O7:O16"/>
    <mergeCell ref="P7:P10"/>
    <mergeCell ref="B11:B13"/>
    <mergeCell ref="A17:B31"/>
    <mergeCell ref="O17:O38"/>
    <mergeCell ref="P17:P31"/>
    <mergeCell ref="A32:B38"/>
    <mergeCell ref="P32:P38"/>
    <mergeCell ref="A5:B6"/>
    <mergeCell ref="P11:P13"/>
    <mergeCell ref="B14:B16"/>
    <mergeCell ref="P14:P16"/>
    <mergeCell ref="Q14:Q16"/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  <mergeCell ref="M3:N3"/>
    <mergeCell ref="O3:O4"/>
    <mergeCell ref="P3:P4"/>
    <mergeCell ref="Q3:Q4"/>
  </mergeCells>
  <phoneticPr fontId="20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第&amp;P頁，共&amp;N頁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4"/>
  <sheetViews>
    <sheetView zoomScaleNormal="100" workbookViewId="0">
      <selection activeCell="G39" sqref="G39:H40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3.36328125" style="4" customWidth="1"/>
    <col min="18" max="16384" width="9" style="4"/>
  </cols>
  <sheetData>
    <row r="1" spans="1:17" ht="21.5">
      <c r="A1" s="124" t="s">
        <v>141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 thickBot="1">
      <c r="A5" s="94"/>
      <c r="B5" s="95"/>
      <c r="C5" s="8" t="s">
        <v>165</v>
      </c>
      <c r="D5" s="48" t="s">
        <v>166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5.75" customHeight="1" thickTop="1" thickBot="1">
      <c r="A6" s="237" t="s">
        <v>9</v>
      </c>
      <c r="B6" s="102"/>
      <c r="C6" s="108" t="s">
        <v>101</v>
      </c>
      <c r="D6" s="109" t="s">
        <v>174</v>
      </c>
      <c r="E6" s="103" t="s">
        <v>10</v>
      </c>
      <c r="F6" s="104">
        <v>0</v>
      </c>
      <c r="G6" s="104">
        <v>0</v>
      </c>
      <c r="H6" s="104">
        <v>0</v>
      </c>
      <c r="I6" s="104"/>
      <c r="J6" s="104"/>
      <c r="K6" s="104"/>
      <c r="L6" s="104"/>
      <c r="M6" s="104"/>
      <c r="N6" s="104"/>
      <c r="O6" s="161">
        <v>32</v>
      </c>
      <c r="P6" s="105">
        <v>0</v>
      </c>
      <c r="Q6" s="101"/>
    </row>
    <row r="7" spans="1:17" s="12" customFormat="1" ht="15.75" customHeight="1">
      <c r="A7" s="238"/>
      <c r="B7" s="159" t="s">
        <v>173</v>
      </c>
      <c r="C7" s="17" t="s">
        <v>167</v>
      </c>
      <c r="D7" s="99" t="s">
        <v>157</v>
      </c>
      <c r="E7" s="97" t="s">
        <v>10</v>
      </c>
      <c r="F7" s="98">
        <v>2</v>
      </c>
      <c r="G7" s="98">
        <v>2</v>
      </c>
      <c r="H7" s="98"/>
      <c r="I7" s="98"/>
      <c r="J7" s="98"/>
      <c r="K7" s="98"/>
      <c r="L7" s="98"/>
      <c r="M7" s="98"/>
      <c r="N7" s="98"/>
      <c r="O7" s="162"/>
      <c r="P7" s="162">
        <v>8</v>
      </c>
      <c r="Q7" s="11"/>
    </row>
    <row r="8" spans="1:17" s="12" customFormat="1" ht="15.75" customHeight="1">
      <c r="A8" s="238"/>
      <c r="B8" s="159"/>
      <c r="C8" s="8" t="s">
        <v>158</v>
      </c>
      <c r="D8" s="42" t="s">
        <v>159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62"/>
      <c r="Q8" s="11"/>
    </row>
    <row r="9" spans="1:17" s="12" customFormat="1" ht="15.75" customHeight="1">
      <c r="A9" s="238"/>
      <c r="B9" s="159"/>
      <c r="C9" s="8" t="s">
        <v>98</v>
      </c>
      <c r="D9" s="43" t="s">
        <v>168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62"/>
      <c r="Q9" s="11"/>
    </row>
    <row r="10" spans="1:17" s="12" customFormat="1" ht="15.75" customHeight="1" thickBot="1">
      <c r="A10" s="238"/>
      <c r="B10" s="160"/>
      <c r="C10" s="21" t="s">
        <v>24</v>
      </c>
      <c r="D10" s="75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236"/>
      <c r="Q10" s="11"/>
    </row>
    <row r="11" spans="1:17" s="12" customFormat="1" ht="15.75" customHeight="1">
      <c r="A11" s="238"/>
      <c r="B11" s="189" t="s">
        <v>161</v>
      </c>
      <c r="C11" s="17" t="s">
        <v>160</v>
      </c>
      <c r="D11" s="100" t="s">
        <v>169</v>
      </c>
      <c r="E11" s="97" t="s">
        <v>10</v>
      </c>
      <c r="F11" s="98">
        <v>4</v>
      </c>
      <c r="G11" s="98">
        <v>2</v>
      </c>
      <c r="H11" s="98">
        <v>2</v>
      </c>
      <c r="I11" s="98"/>
      <c r="J11" s="98"/>
      <c r="K11" s="98"/>
      <c r="L11" s="98"/>
      <c r="M11" s="98"/>
      <c r="N11" s="98"/>
      <c r="O11" s="162"/>
      <c r="P11" s="176">
        <v>12</v>
      </c>
      <c r="Q11" s="28"/>
    </row>
    <row r="12" spans="1:17" s="12" customFormat="1" ht="36" customHeight="1">
      <c r="A12" s="238"/>
      <c r="B12" s="189"/>
      <c r="C12" s="29" t="s">
        <v>162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170</v>
      </c>
    </row>
    <row r="13" spans="1:17" s="12" customFormat="1" ht="43.25" customHeight="1" thickBot="1">
      <c r="A13" s="238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163</v>
      </c>
    </row>
    <row r="14" spans="1:17" s="12" customFormat="1" ht="15.75" customHeight="1">
      <c r="A14" s="238"/>
      <c r="B14" s="189" t="s">
        <v>33</v>
      </c>
      <c r="C14" s="17" t="s">
        <v>21</v>
      </c>
      <c r="D14" s="62" t="s">
        <v>171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172</v>
      </c>
    </row>
    <row r="15" spans="1:17" s="12" customFormat="1" ht="15.75" customHeight="1">
      <c r="A15" s="238"/>
      <c r="B15" s="189"/>
      <c r="C15" s="8" t="s">
        <v>22</v>
      </c>
      <c r="D15" s="48" t="s">
        <v>10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238"/>
      <c r="B16" s="199"/>
      <c r="C16" s="21" t="s">
        <v>23</v>
      </c>
      <c r="D16" s="96" t="s">
        <v>164</v>
      </c>
      <c r="E16" s="22" t="s">
        <v>11</v>
      </c>
      <c r="F16" s="23">
        <v>4</v>
      </c>
      <c r="G16" s="23"/>
      <c r="H16" s="23"/>
      <c r="I16" s="23"/>
      <c r="J16" s="23"/>
      <c r="K16" s="23"/>
      <c r="L16" s="23"/>
      <c r="M16" s="23"/>
      <c r="N16" s="23"/>
      <c r="O16" s="236"/>
      <c r="P16" s="178"/>
      <c r="Q16" s="239"/>
    </row>
    <row r="17" spans="1:17" s="53" customFormat="1" ht="15" customHeight="1" thickTop="1">
      <c r="A17" s="192" t="s">
        <v>48</v>
      </c>
      <c r="B17" s="193"/>
      <c r="C17" s="80" t="s">
        <v>112</v>
      </c>
      <c r="D17" s="65" t="s">
        <v>50</v>
      </c>
      <c r="E17" s="67" t="s">
        <v>113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6</v>
      </c>
      <c r="Q17" s="81"/>
    </row>
    <row r="18" spans="1:17" s="53" customFormat="1" ht="15" customHeight="1">
      <c r="A18" s="194"/>
      <c r="B18" s="195"/>
      <c r="C18" s="82" t="s">
        <v>114</v>
      </c>
      <c r="D18" s="43" t="s">
        <v>52</v>
      </c>
      <c r="E18" s="51" t="s">
        <v>113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83"/>
    </row>
    <row r="19" spans="1:17" s="53" customFormat="1" ht="15" customHeight="1">
      <c r="A19" s="194"/>
      <c r="B19" s="195"/>
      <c r="C19" s="82" t="s">
        <v>115</v>
      </c>
      <c r="D19" s="43" t="s">
        <v>54</v>
      </c>
      <c r="E19" s="51" t="s">
        <v>113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83"/>
    </row>
    <row r="20" spans="1:17" s="53" customFormat="1" ht="15" customHeight="1">
      <c r="A20" s="194"/>
      <c r="B20" s="195"/>
      <c r="C20" s="49" t="s">
        <v>138</v>
      </c>
      <c r="D20" s="43" t="s">
        <v>139</v>
      </c>
      <c r="E20" s="51" t="s">
        <v>113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83"/>
    </row>
    <row r="21" spans="1:17" s="53" customFormat="1" ht="15" customHeight="1">
      <c r="A21" s="194"/>
      <c r="B21" s="195"/>
      <c r="C21" s="82" t="s">
        <v>117</v>
      </c>
      <c r="D21" s="43" t="s">
        <v>58</v>
      </c>
      <c r="E21" s="51" t="s">
        <v>113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83"/>
    </row>
    <row r="22" spans="1:17" s="53" customFormat="1" ht="15" customHeight="1">
      <c r="A22" s="194"/>
      <c r="B22" s="195"/>
      <c r="C22" s="82" t="s">
        <v>118</v>
      </c>
      <c r="D22" s="43" t="s">
        <v>60</v>
      </c>
      <c r="E22" s="51" t="s">
        <v>113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83"/>
    </row>
    <row r="23" spans="1:17" s="53" customFormat="1" ht="15" customHeight="1">
      <c r="A23" s="194"/>
      <c r="B23" s="195"/>
      <c r="C23" s="84" t="s">
        <v>119</v>
      </c>
      <c r="D23" s="43" t="s">
        <v>62</v>
      </c>
      <c r="E23" s="51" t="s">
        <v>113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83"/>
    </row>
    <row r="24" spans="1:17" s="53" customFormat="1" ht="24" customHeight="1">
      <c r="A24" s="194"/>
      <c r="B24" s="195"/>
      <c r="C24" s="82" t="s">
        <v>126</v>
      </c>
      <c r="D24" s="43" t="s">
        <v>90</v>
      </c>
      <c r="E24" s="51" t="s">
        <v>113</v>
      </c>
      <c r="F24" s="51">
        <v>3</v>
      </c>
      <c r="G24" s="51"/>
      <c r="H24" s="51"/>
      <c r="I24" s="51"/>
      <c r="J24" s="51">
        <v>3</v>
      </c>
      <c r="K24" s="51"/>
      <c r="L24" s="51"/>
      <c r="M24" s="51"/>
      <c r="N24" s="51"/>
      <c r="O24" s="183"/>
      <c r="P24" s="186"/>
      <c r="Q24" s="93" t="s">
        <v>187</v>
      </c>
    </row>
    <row r="25" spans="1:17" s="53" customFormat="1" ht="15" customHeight="1">
      <c r="A25" s="194"/>
      <c r="B25" s="195"/>
      <c r="C25" s="82" t="s">
        <v>120</v>
      </c>
      <c r="D25" s="43" t="s">
        <v>64</v>
      </c>
      <c r="E25" s="51" t="s">
        <v>113</v>
      </c>
      <c r="F25" s="51">
        <v>3</v>
      </c>
      <c r="G25" s="51"/>
      <c r="H25" s="51"/>
      <c r="I25" s="51">
        <v>3</v>
      </c>
      <c r="J25" s="51"/>
      <c r="K25" s="51"/>
      <c r="L25" s="51"/>
      <c r="M25" s="51"/>
      <c r="N25" s="51"/>
      <c r="O25" s="183"/>
      <c r="P25" s="186"/>
      <c r="Q25" s="83"/>
    </row>
    <row r="26" spans="1:17" s="53" customFormat="1" ht="15" customHeight="1">
      <c r="A26" s="194"/>
      <c r="B26" s="195"/>
      <c r="C26" s="82" t="s">
        <v>121</v>
      </c>
      <c r="D26" s="43" t="s">
        <v>66</v>
      </c>
      <c r="E26" s="51" t="s">
        <v>113</v>
      </c>
      <c r="F26" s="51">
        <v>3</v>
      </c>
      <c r="G26" s="51"/>
      <c r="H26" s="51"/>
      <c r="I26" s="51"/>
      <c r="J26" s="51">
        <v>3</v>
      </c>
      <c r="K26" s="51"/>
      <c r="L26" s="51"/>
      <c r="M26" s="51"/>
      <c r="N26" s="51"/>
      <c r="O26" s="183"/>
      <c r="P26" s="186"/>
      <c r="Q26" s="83"/>
    </row>
    <row r="27" spans="1:17" s="53" customFormat="1" ht="15" customHeight="1">
      <c r="A27" s="194"/>
      <c r="B27" s="195"/>
      <c r="C27" s="82" t="s">
        <v>122</v>
      </c>
      <c r="D27" s="43" t="s">
        <v>68</v>
      </c>
      <c r="E27" s="51" t="s">
        <v>113</v>
      </c>
      <c r="F27" s="51">
        <v>3</v>
      </c>
      <c r="G27" s="51"/>
      <c r="H27" s="51"/>
      <c r="I27" s="51">
        <v>3</v>
      </c>
      <c r="J27" s="51"/>
      <c r="K27" s="51"/>
      <c r="L27" s="51"/>
      <c r="M27" s="51"/>
      <c r="N27" s="51"/>
      <c r="O27" s="183"/>
      <c r="P27" s="186"/>
      <c r="Q27" s="83"/>
    </row>
    <row r="28" spans="1:17" s="53" customFormat="1" ht="15" customHeight="1">
      <c r="A28" s="194"/>
      <c r="B28" s="195"/>
      <c r="C28" s="82" t="s">
        <v>123</v>
      </c>
      <c r="D28" s="43" t="s">
        <v>70</v>
      </c>
      <c r="E28" s="51" t="s">
        <v>113</v>
      </c>
      <c r="F28" s="51">
        <v>3</v>
      </c>
      <c r="G28" s="51"/>
      <c r="H28" s="51"/>
      <c r="I28" s="51"/>
      <c r="J28" s="51">
        <v>3</v>
      </c>
      <c r="K28" s="51"/>
      <c r="L28" s="51"/>
      <c r="M28" s="51"/>
      <c r="N28" s="51"/>
      <c r="O28" s="183"/>
      <c r="P28" s="186"/>
      <c r="Q28" s="83"/>
    </row>
    <row r="29" spans="1:17" s="53" customFormat="1" ht="15" customHeight="1">
      <c r="A29" s="194"/>
      <c r="B29" s="195"/>
      <c r="C29" s="82" t="s">
        <v>124</v>
      </c>
      <c r="D29" s="43" t="s">
        <v>74</v>
      </c>
      <c r="E29" s="51" t="s">
        <v>113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83"/>
    </row>
    <row r="30" spans="1:17" s="53" customFormat="1" ht="15" customHeight="1">
      <c r="A30" s="194"/>
      <c r="B30" s="195"/>
      <c r="C30" s="82" t="s">
        <v>130</v>
      </c>
      <c r="D30" s="43" t="s">
        <v>76</v>
      </c>
      <c r="E30" s="51" t="s">
        <v>113</v>
      </c>
      <c r="F30" s="51">
        <v>3</v>
      </c>
      <c r="G30" s="51"/>
      <c r="H30" s="51"/>
      <c r="I30" s="51"/>
      <c r="J30" s="51"/>
      <c r="K30" s="51">
        <v>3</v>
      </c>
      <c r="L30" s="51"/>
      <c r="M30" s="51"/>
      <c r="N30" s="51"/>
      <c r="O30" s="183"/>
      <c r="P30" s="186"/>
      <c r="Q30" s="83"/>
    </row>
    <row r="31" spans="1:17" s="53" customFormat="1" ht="15" customHeight="1" thickBot="1">
      <c r="A31" s="196"/>
      <c r="B31" s="197"/>
      <c r="C31" s="85" t="s">
        <v>131</v>
      </c>
      <c r="D31" s="70" t="s">
        <v>78</v>
      </c>
      <c r="E31" s="72" t="s">
        <v>113</v>
      </c>
      <c r="F31" s="72">
        <v>3</v>
      </c>
      <c r="G31" s="72"/>
      <c r="H31" s="72"/>
      <c r="I31" s="72"/>
      <c r="J31" s="72"/>
      <c r="K31" s="72"/>
      <c r="L31" s="72">
        <v>3</v>
      </c>
      <c r="M31" s="72"/>
      <c r="N31" s="72"/>
      <c r="O31" s="183"/>
      <c r="P31" s="187"/>
      <c r="Q31" s="86"/>
    </row>
    <row r="32" spans="1:17" ht="17.25" customHeight="1" thickTop="1">
      <c r="A32" s="219" t="s">
        <v>111</v>
      </c>
      <c r="B32" s="220"/>
      <c r="C32" s="80" t="s">
        <v>125</v>
      </c>
      <c r="D32" s="65" t="s">
        <v>81</v>
      </c>
      <c r="E32" s="67" t="s">
        <v>152</v>
      </c>
      <c r="F32" s="67">
        <v>3</v>
      </c>
      <c r="G32" s="67"/>
      <c r="H32" s="67"/>
      <c r="I32" s="67"/>
      <c r="J32" s="67">
        <v>3</v>
      </c>
      <c r="K32" s="67"/>
      <c r="L32" s="67"/>
      <c r="M32" s="67"/>
      <c r="N32" s="67"/>
      <c r="O32" s="183"/>
      <c r="P32" s="161">
        <v>9</v>
      </c>
      <c r="Q32" s="225" t="s">
        <v>186</v>
      </c>
    </row>
    <row r="33" spans="1:17">
      <c r="A33" s="221"/>
      <c r="B33" s="222"/>
      <c r="C33" s="82" t="s">
        <v>153</v>
      </c>
      <c r="D33" s="43" t="s">
        <v>142</v>
      </c>
      <c r="E33" s="51" t="s">
        <v>151</v>
      </c>
      <c r="F33" s="51">
        <v>3</v>
      </c>
      <c r="G33" s="51"/>
      <c r="H33" s="51"/>
      <c r="I33" s="51"/>
      <c r="J33" s="51">
        <v>3</v>
      </c>
      <c r="K33" s="57"/>
      <c r="L33" s="57"/>
      <c r="M33" s="57"/>
      <c r="N33" s="57"/>
      <c r="O33" s="183"/>
      <c r="P33" s="162"/>
      <c r="Q33" s="226"/>
    </row>
    <row r="34" spans="1:17">
      <c r="A34" s="221"/>
      <c r="B34" s="222"/>
      <c r="C34" s="82" t="s">
        <v>146</v>
      </c>
      <c r="D34" s="43" t="s">
        <v>143</v>
      </c>
      <c r="E34" s="51" t="s">
        <v>147</v>
      </c>
      <c r="F34" s="51">
        <v>3</v>
      </c>
      <c r="G34" s="51"/>
      <c r="H34" s="51"/>
      <c r="I34" s="51"/>
      <c r="J34" s="51"/>
      <c r="K34" s="57">
        <v>3</v>
      </c>
      <c r="L34" s="57"/>
      <c r="M34" s="57"/>
      <c r="N34" s="57"/>
      <c r="O34" s="183"/>
      <c r="P34" s="162"/>
      <c r="Q34" s="226"/>
    </row>
    <row r="35" spans="1:17">
      <c r="A35" s="221"/>
      <c r="B35" s="222"/>
      <c r="C35" s="82" t="s">
        <v>148</v>
      </c>
      <c r="D35" s="43" t="s">
        <v>144</v>
      </c>
      <c r="E35" s="51" t="s">
        <v>147</v>
      </c>
      <c r="F35" s="51">
        <v>3</v>
      </c>
      <c r="G35" s="51"/>
      <c r="H35" s="51"/>
      <c r="I35" s="51"/>
      <c r="J35" s="51"/>
      <c r="K35" s="57">
        <v>3</v>
      </c>
      <c r="L35" s="57"/>
      <c r="M35" s="57"/>
      <c r="N35" s="57"/>
      <c r="O35" s="183"/>
      <c r="P35" s="162"/>
      <c r="Q35" s="226"/>
    </row>
    <row r="36" spans="1:17">
      <c r="A36" s="221"/>
      <c r="B36" s="222"/>
      <c r="C36" s="92" t="s">
        <v>154</v>
      </c>
      <c r="D36" s="88" t="s">
        <v>133</v>
      </c>
      <c r="E36" s="90" t="s">
        <v>150</v>
      </c>
      <c r="F36" s="90">
        <v>3</v>
      </c>
      <c r="G36" s="90"/>
      <c r="H36" s="90"/>
      <c r="I36" s="90"/>
      <c r="J36" s="90"/>
      <c r="K36" s="90">
        <v>3</v>
      </c>
      <c r="L36" s="57"/>
      <c r="M36" s="57"/>
      <c r="N36" s="57"/>
      <c r="O36" s="183"/>
      <c r="P36" s="162"/>
      <c r="Q36" s="226"/>
    </row>
    <row r="37" spans="1:17">
      <c r="A37" s="221"/>
      <c r="B37" s="222"/>
      <c r="C37" s="82" t="s">
        <v>155</v>
      </c>
      <c r="D37" s="43" t="s">
        <v>85</v>
      </c>
      <c r="E37" s="51" t="s">
        <v>156</v>
      </c>
      <c r="F37" s="51">
        <v>3</v>
      </c>
      <c r="G37" s="51"/>
      <c r="H37" s="51"/>
      <c r="I37" s="51"/>
      <c r="J37" s="51"/>
      <c r="K37" s="51"/>
      <c r="L37" s="51">
        <v>3</v>
      </c>
      <c r="M37" s="51"/>
      <c r="N37" s="51"/>
      <c r="O37" s="183"/>
      <c r="P37" s="162"/>
      <c r="Q37" s="226"/>
    </row>
    <row r="38" spans="1:17" ht="17.5" thickBot="1">
      <c r="A38" s="223"/>
      <c r="B38" s="224"/>
      <c r="C38" s="85" t="s">
        <v>132</v>
      </c>
      <c r="D38" s="70" t="s">
        <v>88</v>
      </c>
      <c r="E38" s="72" t="s">
        <v>149</v>
      </c>
      <c r="F38" s="72">
        <v>3</v>
      </c>
      <c r="G38" s="72"/>
      <c r="H38" s="72"/>
      <c r="I38" s="72"/>
      <c r="J38" s="72"/>
      <c r="K38" s="72"/>
      <c r="L38" s="72">
        <v>3</v>
      </c>
      <c r="M38" s="72"/>
      <c r="N38" s="72"/>
      <c r="O38" s="184"/>
      <c r="P38" s="163"/>
      <c r="Q38" s="227"/>
    </row>
    <row r="39" spans="1:17" s="3" customFormat="1" ht="39.75" customHeight="1" thickTop="1">
      <c r="A39" s="139" t="s">
        <v>34</v>
      </c>
      <c r="B39" s="140"/>
      <c r="C39" s="143">
        <v>32</v>
      </c>
      <c r="D39" s="145" t="s">
        <v>35</v>
      </c>
      <c r="E39" s="40" t="s">
        <v>41</v>
      </c>
      <c r="F39" s="1">
        <v>56</v>
      </c>
      <c r="G39" s="147">
        <v>65</v>
      </c>
      <c r="H39" s="148"/>
      <c r="I39" s="164" t="s">
        <v>40</v>
      </c>
      <c r="J39" s="165"/>
      <c r="K39" s="165"/>
      <c r="L39" s="166"/>
      <c r="M39" s="147">
        <v>31</v>
      </c>
      <c r="N39" s="169"/>
      <c r="O39" s="118" t="s">
        <v>36</v>
      </c>
      <c r="P39" s="119"/>
      <c r="Q39" s="135">
        <f>C39+G39+M39</f>
        <v>128</v>
      </c>
    </row>
    <row r="40" spans="1:17" s="3" customFormat="1" ht="39.75" customHeight="1" thickBot="1">
      <c r="A40" s="141"/>
      <c r="B40" s="142"/>
      <c r="C40" s="144"/>
      <c r="D40" s="146"/>
      <c r="E40" s="41" t="s">
        <v>42</v>
      </c>
      <c r="F40" s="2">
        <v>9</v>
      </c>
      <c r="G40" s="149"/>
      <c r="H40" s="150"/>
      <c r="I40" s="141"/>
      <c r="J40" s="167"/>
      <c r="K40" s="167"/>
      <c r="L40" s="168"/>
      <c r="M40" s="149"/>
      <c r="N40" s="170"/>
      <c r="O40" s="120"/>
      <c r="P40" s="121"/>
      <c r="Q40" s="136"/>
    </row>
    <row r="41" spans="1:17" ht="55" customHeight="1">
      <c r="A41" s="203" t="s">
        <v>180</v>
      </c>
      <c r="B41" s="204"/>
      <c r="C41" s="205" t="s">
        <v>181</v>
      </c>
      <c r="D41" s="206"/>
      <c r="E41" s="206"/>
      <c r="F41" s="206"/>
      <c r="G41" s="206"/>
      <c r="H41" s="206"/>
      <c r="I41" s="206"/>
      <c r="J41" s="206"/>
      <c r="K41" s="206"/>
      <c r="L41" s="206"/>
      <c r="M41" s="206"/>
      <c r="N41" s="206"/>
      <c r="O41" s="206"/>
      <c r="P41" s="206"/>
      <c r="Q41" s="207"/>
    </row>
    <row r="42" spans="1:17" ht="17.5" customHeight="1">
      <c r="A42" s="208" t="s">
        <v>182</v>
      </c>
      <c r="B42" s="209"/>
      <c r="C42" s="210" t="s">
        <v>183</v>
      </c>
      <c r="D42" s="211"/>
      <c r="E42" s="211"/>
      <c r="F42" s="211"/>
      <c r="G42" s="211"/>
      <c r="H42" s="211"/>
      <c r="I42" s="211"/>
      <c r="J42" s="211"/>
      <c r="K42" s="211"/>
      <c r="L42" s="211"/>
      <c r="M42" s="211"/>
      <c r="N42" s="211"/>
      <c r="O42" s="211"/>
      <c r="P42" s="211"/>
      <c r="Q42" s="212"/>
    </row>
    <row r="43" spans="1:17" ht="26" customHeight="1" thickBot="1">
      <c r="A43" s="213" t="s">
        <v>184</v>
      </c>
      <c r="B43" s="214"/>
      <c r="C43" s="215" t="s">
        <v>185</v>
      </c>
      <c r="D43" s="216"/>
      <c r="E43" s="216"/>
      <c r="F43" s="216"/>
      <c r="G43" s="216"/>
      <c r="H43" s="216"/>
      <c r="I43" s="216"/>
      <c r="J43" s="216"/>
      <c r="K43" s="216"/>
      <c r="L43" s="216"/>
      <c r="M43" s="216"/>
      <c r="N43" s="216"/>
      <c r="O43" s="216"/>
      <c r="P43" s="216"/>
      <c r="Q43" s="217"/>
    </row>
    <row r="44" spans="1:17">
      <c r="A44" s="201" t="s">
        <v>106</v>
      </c>
      <c r="B44" s="201"/>
      <c r="C44" s="201"/>
      <c r="D44" s="201" t="s">
        <v>107</v>
      </c>
      <c r="E44" s="201"/>
      <c r="F44" s="201"/>
      <c r="G44" s="201"/>
      <c r="H44" s="201" t="s">
        <v>108</v>
      </c>
      <c r="I44" s="201"/>
      <c r="J44" s="201"/>
      <c r="K44" s="201"/>
      <c r="L44" s="201"/>
      <c r="M44" s="201"/>
      <c r="N44" s="201"/>
      <c r="O44" s="202" t="s">
        <v>177</v>
      </c>
      <c r="P44" s="202"/>
      <c r="Q44" s="202"/>
    </row>
  </sheetData>
  <mergeCells count="47">
    <mergeCell ref="A44:C44"/>
    <mergeCell ref="D44:G44"/>
    <mergeCell ref="H44:N44"/>
    <mergeCell ref="O44:Q44"/>
    <mergeCell ref="A41:B41"/>
    <mergeCell ref="C41:Q41"/>
    <mergeCell ref="A42:B42"/>
    <mergeCell ref="C42:Q42"/>
    <mergeCell ref="A43:B43"/>
    <mergeCell ref="C43:Q43"/>
    <mergeCell ref="B7:B10"/>
    <mergeCell ref="P7:P10"/>
    <mergeCell ref="A32:B38"/>
    <mergeCell ref="P32:P38"/>
    <mergeCell ref="Q32:Q38"/>
    <mergeCell ref="A6:A16"/>
    <mergeCell ref="O6:O16"/>
    <mergeCell ref="B11:B13"/>
    <mergeCell ref="P11:P13"/>
    <mergeCell ref="B14:B16"/>
    <mergeCell ref="P17:P31"/>
    <mergeCell ref="O17:O38"/>
    <mergeCell ref="A17:B31"/>
    <mergeCell ref="P14:P16"/>
    <mergeCell ref="Q14:Q16"/>
    <mergeCell ref="Q39:Q40"/>
    <mergeCell ref="A39:B40"/>
    <mergeCell ref="C39:C40"/>
    <mergeCell ref="D39:D40"/>
    <mergeCell ref="G39:H40"/>
    <mergeCell ref="I39:L40"/>
    <mergeCell ref="M39:N40"/>
    <mergeCell ref="O39:P40"/>
    <mergeCell ref="M3:N3"/>
    <mergeCell ref="O3:O4"/>
    <mergeCell ref="P3:P4"/>
    <mergeCell ref="Q3:Q4"/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</mergeCells>
  <phoneticPr fontId="1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(附件三)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53"/>
  <sheetViews>
    <sheetView topLeftCell="A33" zoomScaleNormal="100" workbookViewId="0">
      <selection activeCell="G39" sqref="G39:H40"/>
    </sheetView>
  </sheetViews>
  <sheetFormatPr defaultColWidth="9" defaultRowHeight="17"/>
  <cols>
    <col min="1" max="2" width="5" style="4" customWidth="1"/>
    <col min="3" max="3" width="16.90625" style="4" customWidth="1"/>
    <col min="4" max="4" width="9.453125" style="4" customWidth="1"/>
    <col min="5" max="6" width="4.36328125" style="4" customWidth="1"/>
    <col min="7" max="14" width="3.1796875" style="4" customWidth="1"/>
    <col min="15" max="16" width="5.1796875" style="4" customWidth="1"/>
    <col min="17" max="17" width="14.08984375" style="4" customWidth="1"/>
    <col min="18" max="16384" width="9" style="4"/>
  </cols>
  <sheetData>
    <row r="1" spans="1:17" ht="21.5">
      <c r="A1" s="124" t="s">
        <v>175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</row>
    <row r="2" spans="1:17">
      <c r="A2" s="5" t="s">
        <v>97</v>
      </c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6"/>
      <c r="O2" s="5"/>
      <c r="P2" s="5"/>
    </row>
    <row r="3" spans="1:17" ht="19.5" customHeight="1">
      <c r="A3" s="125" t="s">
        <v>0</v>
      </c>
      <c r="B3" s="127" t="s">
        <v>37</v>
      </c>
      <c r="C3" s="128" t="s">
        <v>12</v>
      </c>
      <c r="D3" s="130" t="s">
        <v>13</v>
      </c>
      <c r="E3" s="132" t="s">
        <v>1</v>
      </c>
      <c r="F3" s="132" t="s">
        <v>14</v>
      </c>
      <c r="G3" s="133" t="s">
        <v>2</v>
      </c>
      <c r="H3" s="133"/>
      <c r="I3" s="133" t="s">
        <v>3</v>
      </c>
      <c r="J3" s="133"/>
      <c r="K3" s="133" t="s">
        <v>4</v>
      </c>
      <c r="L3" s="133"/>
      <c r="M3" s="133" t="s">
        <v>5</v>
      </c>
      <c r="N3" s="133"/>
      <c r="O3" s="134" t="s">
        <v>15</v>
      </c>
      <c r="P3" s="134" t="s">
        <v>16</v>
      </c>
      <c r="Q3" s="130" t="s">
        <v>6</v>
      </c>
    </row>
    <row r="4" spans="1:17" ht="20.25" customHeight="1">
      <c r="A4" s="126"/>
      <c r="B4" s="127"/>
      <c r="C4" s="129"/>
      <c r="D4" s="131"/>
      <c r="E4" s="132"/>
      <c r="F4" s="132"/>
      <c r="G4" s="7" t="s">
        <v>7</v>
      </c>
      <c r="H4" s="7" t="s">
        <v>8</v>
      </c>
      <c r="I4" s="7" t="s">
        <v>7</v>
      </c>
      <c r="J4" s="7" t="s">
        <v>8</v>
      </c>
      <c r="K4" s="7" t="s">
        <v>7</v>
      </c>
      <c r="L4" s="7" t="s">
        <v>8</v>
      </c>
      <c r="M4" s="7" t="s">
        <v>7</v>
      </c>
      <c r="N4" s="7" t="s">
        <v>8</v>
      </c>
      <c r="O4" s="134"/>
      <c r="P4" s="134"/>
      <c r="Q4" s="131"/>
    </row>
    <row r="5" spans="1:17" s="12" customFormat="1" ht="16.5" customHeight="1" thickBot="1">
      <c r="A5" s="94"/>
      <c r="B5" s="95"/>
      <c r="C5" s="8" t="s">
        <v>25</v>
      </c>
      <c r="D5" s="48" t="s">
        <v>100</v>
      </c>
      <c r="E5" s="9" t="s">
        <v>26</v>
      </c>
      <c r="F5" s="10">
        <v>0</v>
      </c>
      <c r="G5" s="10">
        <v>0</v>
      </c>
      <c r="H5" s="10">
        <v>0</v>
      </c>
      <c r="I5" s="10">
        <v>0</v>
      </c>
      <c r="J5" s="10">
        <v>0</v>
      </c>
      <c r="K5" s="10">
        <v>0</v>
      </c>
      <c r="L5" s="10">
        <v>0</v>
      </c>
      <c r="M5" s="10">
        <v>0</v>
      </c>
      <c r="N5" s="10">
        <v>0</v>
      </c>
      <c r="O5" s="10">
        <v>0</v>
      </c>
      <c r="P5" s="10">
        <v>0</v>
      </c>
      <c r="Q5" s="11"/>
    </row>
    <row r="6" spans="1:17" s="12" customFormat="1" ht="15.75" customHeight="1" thickTop="1" thickBot="1">
      <c r="A6" s="237" t="s">
        <v>9</v>
      </c>
      <c r="B6" s="102"/>
      <c r="C6" s="108" t="s">
        <v>101</v>
      </c>
      <c r="D6" s="109" t="s">
        <v>174</v>
      </c>
      <c r="E6" s="103" t="s">
        <v>10</v>
      </c>
      <c r="F6" s="104">
        <v>0</v>
      </c>
      <c r="G6" s="104">
        <v>0</v>
      </c>
      <c r="H6" s="104">
        <v>0</v>
      </c>
      <c r="I6" s="104"/>
      <c r="J6" s="104"/>
      <c r="K6" s="104"/>
      <c r="L6" s="104"/>
      <c r="M6" s="104"/>
      <c r="N6" s="104"/>
      <c r="O6" s="161">
        <v>32</v>
      </c>
      <c r="P6" s="105">
        <v>0</v>
      </c>
      <c r="Q6" s="101"/>
    </row>
    <row r="7" spans="1:17" s="12" customFormat="1" ht="15.75" customHeight="1">
      <c r="A7" s="238"/>
      <c r="B7" s="159" t="s">
        <v>29</v>
      </c>
      <c r="C7" s="17" t="s">
        <v>17</v>
      </c>
      <c r="D7" s="99" t="s">
        <v>45</v>
      </c>
      <c r="E7" s="97" t="s">
        <v>10</v>
      </c>
      <c r="F7" s="98">
        <v>2</v>
      </c>
      <c r="G7" s="98">
        <v>2</v>
      </c>
      <c r="H7" s="98"/>
      <c r="I7" s="98"/>
      <c r="J7" s="98"/>
      <c r="K7" s="98"/>
      <c r="L7" s="98"/>
      <c r="M7" s="98"/>
      <c r="N7" s="98"/>
      <c r="O7" s="162"/>
      <c r="P7" s="162">
        <v>8</v>
      </c>
      <c r="Q7" s="11"/>
    </row>
    <row r="8" spans="1:17" s="12" customFormat="1" ht="15.75" customHeight="1">
      <c r="A8" s="238"/>
      <c r="B8" s="159"/>
      <c r="C8" s="8" t="s">
        <v>18</v>
      </c>
      <c r="D8" s="42" t="s">
        <v>46</v>
      </c>
      <c r="E8" s="19" t="s">
        <v>10</v>
      </c>
      <c r="F8" s="20">
        <v>4</v>
      </c>
      <c r="G8" s="20"/>
      <c r="H8" s="20"/>
      <c r="I8" s="20">
        <v>2</v>
      </c>
      <c r="J8" s="20">
        <v>2</v>
      </c>
      <c r="K8" s="20"/>
      <c r="L8" s="20"/>
      <c r="M8" s="20"/>
      <c r="N8" s="20"/>
      <c r="O8" s="162"/>
      <c r="P8" s="162"/>
      <c r="Q8" s="11"/>
    </row>
    <row r="9" spans="1:17" s="12" customFormat="1" ht="15.75" customHeight="1">
      <c r="A9" s="238"/>
      <c r="B9" s="159"/>
      <c r="C9" s="8" t="s">
        <v>98</v>
      </c>
      <c r="D9" s="43" t="s">
        <v>47</v>
      </c>
      <c r="E9" s="9" t="s">
        <v>10</v>
      </c>
      <c r="F9" s="10">
        <v>2</v>
      </c>
      <c r="G9" s="20"/>
      <c r="H9" s="20"/>
      <c r="I9" s="20"/>
      <c r="J9" s="20"/>
      <c r="K9" s="20">
        <v>2</v>
      </c>
      <c r="L9" s="20"/>
      <c r="M9" s="20"/>
      <c r="N9" s="20"/>
      <c r="O9" s="162"/>
      <c r="P9" s="162"/>
      <c r="Q9" s="11"/>
    </row>
    <row r="10" spans="1:17" s="12" customFormat="1" ht="15.75" customHeight="1" thickBot="1">
      <c r="A10" s="238"/>
      <c r="B10" s="160"/>
      <c r="C10" s="21" t="s">
        <v>24</v>
      </c>
      <c r="D10" s="75"/>
      <c r="E10" s="22" t="s">
        <v>10</v>
      </c>
      <c r="F10" s="23">
        <v>0</v>
      </c>
      <c r="G10" s="23">
        <v>0</v>
      </c>
      <c r="H10" s="23">
        <v>0</v>
      </c>
      <c r="I10" s="23">
        <v>0</v>
      </c>
      <c r="J10" s="23">
        <v>0</v>
      </c>
      <c r="K10" s="23"/>
      <c r="L10" s="23"/>
      <c r="M10" s="23"/>
      <c r="N10" s="23"/>
      <c r="O10" s="162"/>
      <c r="P10" s="236"/>
      <c r="Q10" s="11"/>
    </row>
    <row r="11" spans="1:17" s="12" customFormat="1" ht="15.75" customHeight="1">
      <c r="A11" s="238"/>
      <c r="B11" s="189" t="s">
        <v>30</v>
      </c>
      <c r="C11" s="17" t="s">
        <v>19</v>
      </c>
      <c r="D11" s="100" t="s">
        <v>102</v>
      </c>
      <c r="E11" s="97" t="s">
        <v>10</v>
      </c>
      <c r="F11" s="98">
        <v>4</v>
      </c>
      <c r="G11" s="98">
        <v>2</v>
      </c>
      <c r="H11" s="98">
        <v>2</v>
      </c>
      <c r="I11" s="98"/>
      <c r="J11" s="98"/>
      <c r="K11" s="98"/>
      <c r="L11" s="98"/>
      <c r="M11" s="98"/>
      <c r="N11" s="98"/>
      <c r="O11" s="162"/>
      <c r="P11" s="176">
        <v>12</v>
      </c>
      <c r="Q11" s="28"/>
    </row>
    <row r="12" spans="1:17" s="12" customFormat="1" ht="36" customHeight="1">
      <c r="A12" s="238"/>
      <c r="B12" s="189"/>
      <c r="C12" s="29" t="s">
        <v>20</v>
      </c>
      <c r="D12" s="46"/>
      <c r="E12" s="30" t="s">
        <v>10</v>
      </c>
      <c r="F12" s="31">
        <v>8</v>
      </c>
      <c r="G12" s="32">
        <v>2</v>
      </c>
      <c r="H12" s="32">
        <v>2</v>
      </c>
      <c r="I12" s="32">
        <v>2</v>
      </c>
      <c r="J12" s="32">
        <v>2</v>
      </c>
      <c r="K12" s="32"/>
      <c r="L12" s="32"/>
      <c r="M12" s="32"/>
      <c r="N12" s="32"/>
      <c r="O12" s="162"/>
      <c r="P12" s="177"/>
      <c r="Q12" s="33" t="s">
        <v>31</v>
      </c>
    </row>
    <row r="13" spans="1:17" s="12" customFormat="1" ht="43.25" customHeight="1" thickBot="1">
      <c r="A13" s="238"/>
      <c r="B13" s="199"/>
      <c r="C13" s="34" t="s">
        <v>32</v>
      </c>
      <c r="D13" s="47"/>
      <c r="E13" s="35" t="s">
        <v>26</v>
      </c>
      <c r="F13" s="36">
        <v>0</v>
      </c>
      <c r="G13" s="36"/>
      <c r="H13" s="36"/>
      <c r="I13" s="36"/>
      <c r="J13" s="36"/>
      <c r="K13" s="36"/>
      <c r="L13" s="36"/>
      <c r="M13" s="36"/>
      <c r="N13" s="36"/>
      <c r="O13" s="162"/>
      <c r="P13" s="178"/>
      <c r="Q13" s="37" t="s">
        <v>38</v>
      </c>
    </row>
    <row r="14" spans="1:17" s="12" customFormat="1" ht="15.75" customHeight="1">
      <c r="A14" s="238"/>
      <c r="B14" s="189" t="s">
        <v>33</v>
      </c>
      <c r="C14" s="17" t="s">
        <v>21</v>
      </c>
      <c r="D14" s="62" t="s">
        <v>103</v>
      </c>
      <c r="E14" s="38" t="s">
        <v>11</v>
      </c>
      <c r="F14" s="39">
        <v>4</v>
      </c>
      <c r="G14" s="39"/>
      <c r="H14" s="39"/>
      <c r="I14" s="39"/>
      <c r="J14" s="39"/>
      <c r="K14" s="39"/>
      <c r="L14" s="39"/>
      <c r="M14" s="39"/>
      <c r="N14" s="39"/>
      <c r="O14" s="162"/>
      <c r="P14" s="176">
        <v>12</v>
      </c>
      <c r="Q14" s="179" t="s">
        <v>39</v>
      </c>
    </row>
    <row r="15" spans="1:17" s="12" customFormat="1" ht="15.75" customHeight="1">
      <c r="A15" s="238"/>
      <c r="B15" s="189"/>
      <c r="C15" s="8" t="s">
        <v>22</v>
      </c>
      <c r="D15" s="48" t="s">
        <v>104</v>
      </c>
      <c r="E15" s="9" t="s">
        <v>11</v>
      </c>
      <c r="F15" s="10">
        <v>4</v>
      </c>
      <c r="G15" s="10"/>
      <c r="H15" s="10"/>
      <c r="I15" s="10"/>
      <c r="J15" s="10"/>
      <c r="K15" s="10"/>
      <c r="L15" s="10"/>
      <c r="M15" s="10"/>
      <c r="N15" s="10"/>
      <c r="O15" s="162"/>
      <c r="P15" s="177"/>
      <c r="Q15" s="180"/>
    </row>
    <row r="16" spans="1:17" s="12" customFormat="1" ht="15.75" customHeight="1" thickBot="1">
      <c r="A16" s="238"/>
      <c r="B16" s="199"/>
      <c r="C16" s="21" t="s">
        <v>23</v>
      </c>
      <c r="D16" s="96" t="s">
        <v>105</v>
      </c>
      <c r="E16" s="22" t="s">
        <v>11</v>
      </c>
      <c r="F16" s="23">
        <v>4</v>
      </c>
      <c r="G16" s="23"/>
      <c r="H16" s="23"/>
      <c r="I16" s="23"/>
      <c r="J16" s="23"/>
      <c r="K16" s="23"/>
      <c r="L16" s="23"/>
      <c r="M16" s="23"/>
      <c r="N16" s="23"/>
      <c r="O16" s="236"/>
      <c r="P16" s="178"/>
      <c r="Q16" s="239"/>
    </row>
    <row r="17" spans="1:17" s="53" customFormat="1" ht="15" customHeight="1" thickTop="1">
      <c r="A17" s="192" t="s">
        <v>48</v>
      </c>
      <c r="B17" s="193"/>
      <c r="C17" s="80" t="s">
        <v>112</v>
      </c>
      <c r="D17" s="65" t="s">
        <v>50</v>
      </c>
      <c r="E17" s="67" t="s">
        <v>113</v>
      </c>
      <c r="F17" s="67">
        <v>6</v>
      </c>
      <c r="G17" s="67">
        <v>3</v>
      </c>
      <c r="H17" s="67">
        <v>3</v>
      </c>
      <c r="I17" s="67"/>
      <c r="J17" s="67"/>
      <c r="K17" s="67"/>
      <c r="L17" s="67"/>
      <c r="M17" s="67"/>
      <c r="N17" s="67"/>
      <c r="O17" s="182">
        <v>65</v>
      </c>
      <c r="P17" s="185">
        <v>56</v>
      </c>
      <c r="Q17" s="81"/>
    </row>
    <row r="18" spans="1:17" s="53" customFormat="1" ht="15" customHeight="1">
      <c r="A18" s="194"/>
      <c r="B18" s="195"/>
      <c r="C18" s="82" t="s">
        <v>114</v>
      </c>
      <c r="D18" s="43" t="s">
        <v>52</v>
      </c>
      <c r="E18" s="51" t="s">
        <v>113</v>
      </c>
      <c r="F18" s="51">
        <v>6</v>
      </c>
      <c r="G18" s="51">
        <v>3</v>
      </c>
      <c r="H18" s="51">
        <v>3</v>
      </c>
      <c r="I18" s="51"/>
      <c r="J18" s="51"/>
      <c r="K18" s="51"/>
      <c r="L18" s="51"/>
      <c r="M18" s="51"/>
      <c r="N18" s="51"/>
      <c r="O18" s="183"/>
      <c r="P18" s="186"/>
      <c r="Q18" s="83"/>
    </row>
    <row r="19" spans="1:17" s="53" customFormat="1" ht="15" customHeight="1">
      <c r="A19" s="194"/>
      <c r="B19" s="195"/>
      <c r="C19" s="82" t="s">
        <v>115</v>
      </c>
      <c r="D19" s="43" t="s">
        <v>54</v>
      </c>
      <c r="E19" s="51" t="s">
        <v>113</v>
      </c>
      <c r="F19" s="51">
        <v>6</v>
      </c>
      <c r="G19" s="51">
        <v>3</v>
      </c>
      <c r="H19" s="51">
        <v>3</v>
      </c>
      <c r="I19" s="51"/>
      <c r="J19" s="51"/>
      <c r="K19" s="51"/>
      <c r="L19" s="51"/>
      <c r="M19" s="51"/>
      <c r="N19" s="51"/>
      <c r="O19" s="183"/>
      <c r="P19" s="186"/>
      <c r="Q19" s="83"/>
    </row>
    <row r="20" spans="1:17" s="53" customFormat="1" ht="15" customHeight="1">
      <c r="A20" s="194"/>
      <c r="B20" s="195"/>
      <c r="C20" s="49" t="s">
        <v>138</v>
      </c>
      <c r="D20" s="43" t="s">
        <v>139</v>
      </c>
      <c r="E20" s="51" t="s">
        <v>113</v>
      </c>
      <c r="F20" s="51">
        <v>3</v>
      </c>
      <c r="G20" s="51">
        <v>3</v>
      </c>
      <c r="H20" s="51"/>
      <c r="I20" s="51"/>
      <c r="J20" s="51"/>
      <c r="K20" s="51"/>
      <c r="L20" s="51"/>
      <c r="M20" s="51"/>
      <c r="N20" s="51"/>
      <c r="O20" s="183"/>
      <c r="P20" s="186"/>
      <c r="Q20" s="83"/>
    </row>
    <row r="21" spans="1:17" s="53" customFormat="1" ht="15" customHeight="1">
      <c r="A21" s="194"/>
      <c r="B21" s="195"/>
      <c r="C21" s="82" t="s">
        <v>117</v>
      </c>
      <c r="D21" s="43" t="s">
        <v>58</v>
      </c>
      <c r="E21" s="51" t="s">
        <v>113</v>
      </c>
      <c r="F21" s="51">
        <v>3</v>
      </c>
      <c r="G21" s="51"/>
      <c r="H21" s="51">
        <v>3</v>
      </c>
      <c r="I21" s="51"/>
      <c r="J21" s="51"/>
      <c r="K21" s="51"/>
      <c r="L21" s="51"/>
      <c r="M21" s="51"/>
      <c r="N21" s="51"/>
      <c r="O21" s="183"/>
      <c r="P21" s="186"/>
      <c r="Q21" s="83"/>
    </row>
    <row r="22" spans="1:17" s="53" customFormat="1" ht="15" customHeight="1">
      <c r="A22" s="194"/>
      <c r="B22" s="195"/>
      <c r="C22" s="82" t="s">
        <v>118</v>
      </c>
      <c r="D22" s="43" t="s">
        <v>60</v>
      </c>
      <c r="E22" s="51" t="s">
        <v>113</v>
      </c>
      <c r="F22" s="51">
        <v>6</v>
      </c>
      <c r="G22" s="51"/>
      <c r="H22" s="51"/>
      <c r="I22" s="51">
        <v>3</v>
      </c>
      <c r="J22" s="51">
        <v>3</v>
      </c>
      <c r="K22" s="51"/>
      <c r="L22" s="51"/>
      <c r="M22" s="51"/>
      <c r="N22" s="51"/>
      <c r="O22" s="183"/>
      <c r="P22" s="186"/>
      <c r="Q22" s="52"/>
    </row>
    <row r="23" spans="1:17" s="53" customFormat="1" ht="15" customHeight="1">
      <c r="A23" s="194"/>
      <c r="B23" s="195"/>
      <c r="C23" s="84" t="s">
        <v>119</v>
      </c>
      <c r="D23" s="43" t="s">
        <v>62</v>
      </c>
      <c r="E23" s="51" t="s">
        <v>113</v>
      </c>
      <c r="F23" s="51">
        <v>2</v>
      </c>
      <c r="G23" s="51"/>
      <c r="H23" s="51"/>
      <c r="I23" s="51">
        <v>2</v>
      </c>
      <c r="J23" s="51"/>
      <c r="K23" s="51"/>
      <c r="L23" s="51"/>
      <c r="M23" s="51"/>
      <c r="N23" s="51"/>
      <c r="O23" s="183"/>
      <c r="P23" s="186"/>
      <c r="Q23" s="52"/>
    </row>
    <row r="24" spans="1:17" s="53" customFormat="1" ht="24" customHeight="1">
      <c r="A24" s="194"/>
      <c r="B24" s="195"/>
      <c r="C24" s="82" t="s">
        <v>126</v>
      </c>
      <c r="D24" s="43" t="s">
        <v>90</v>
      </c>
      <c r="E24" s="51" t="s">
        <v>113</v>
      </c>
      <c r="F24" s="51">
        <v>3</v>
      </c>
      <c r="G24" s="51"/>
      <c r="H24" s="51"/>
      <c r="I24" s="51"/>
      <c r="J24" s="51">
        <v>3</v>
      </c>
      <c r="K24" s="51"/>
      <c r="L24" s="51"/>
      <c r="M24" s="51"/>
      <c r="N24" s="51"/>
      <c r="O24" s="183"/>
      <c r="P24" s="186"/>
      <c r="Q24" s="112" t="s">
        <v>178</v>
      </c>
    </row>
    <row r="25" spans="1:17" s="53" customFormat="1" ht="15" customHeight="1">
      <c r="A25" s="194"/>
      <c r="B25" s="195"/>
      <c r="C25" s="82" t="s">
        <v>120</v>
      </c>
      <c r="D25" s="43" t="s">
        <v>64</v>
      </c>
      <c r="E25" s="51" t="s">
        <v>113</v>
      </c>
      <c r="F25" s="51">
        <v>3</v>
      </c>
      <c r="G25" s="51"/>
      <c r="H25" s="51"/>
      <c r="I25" s="51">
        <v>3</v>
      </c>
      <c r="J25" s="51"/>
      <c r="K25" s="51"/>
      <c r="L25" s="51"/>
      <c r="M25" s="51"/>
      <c r="N25" s="51"/>
      <c r="O25" s="183"/>
      <c r="P25" s="186"/>
      <c r="Q25" s="52"/>
    </row>
    <row r="26" spans="1:17" s="53" customFormat="1" ht="15" customHeight="1">
      <c r="A26" s="194"/>
      <c r="B26" s="195"/>
      <c r="C26" s="82" t="s">
        <v>121</v>
      </c>
      <c r="D26" s="43" t="s">
        <v>66</v>
      </c>
      <c r="E26" s="51" t="s">
        <v>113</v>
      </c>
      <c r="F26" s="51">
        <v>3</v>
      </c>
      <c r="G26" s="51"/>
      <c r="H26" s="51"/>
      <c r="I26" s="51"/>
      <c r="J26" s="51">
        <v>3</v>
      </c>
      <c r="K26" s="51"/>
      <c r="L26" s="51"/>
      <c r="M26" s="51"/>
      <c r="N26" s="51"/>
      <c r="O26" s="183"/>
      <c r="P26" s="186"/>
      <c r="Q26" s="52"/>
    </row>
    <row r="27" spans="1:17" s="53" customFormat="1" ht="15" customHeight="1">
      <c r="A27" s="194"/>
      <c r="B27" s="195"/>
      <c r="C27" s="82" t="s">
        <v>122</v>
      </c>
      <c r="D27" s="43" t="s">
        <v>68</v>
      </c>
      <c r="E27" s="51" t="s">
        <v>113</v>
      </c>
      <c r="F27" s="51">
        <v>3</v>
      </c>
      <c r="G27" s="51"/>
      <c r="H27" s="51"/>
      <c r="I27" s="51">
        <v>3</v>
      </c>
      <c r="J27" s="51"/>
      <c r="K27" s="51"/>
      <c r="L27" s="51"/>
      <c r="M27" s="51"/>
      <c r="N27" s="51"/>
      <c r="O27" s="183"/>
      <c r="P27" s="186"/>
      <c r="Q27" s="52"/>
    </row>
    <row r="28" spans="1:17" s="53" customFormat="1" ht="16.25" customHeight="1">
      <c r="A28" s="194"/>
      <c r="B28" s="195"/>
      <c r="C28" s="82" t="s">
        <v>123</v>
      </c>
      <c r="D28" s="43" t="s">
        <v>70</v>
      </c>
      <c r="E28" s="51" t="s">
        <v>113</v>
      </c>
      <c r="F28" s="51">
        <v>3</v>
      </c>
      <c r="G28" s="51"/>
      <c r="H28" s="51"/>
      <c r="I28" s="51"/>
      <c r="J28" s="51">
        <v>3</v>
      </c>
      <c r="K28" s="51"/>
      <c r="L28" s="51"/>
      <c r="M28" s="51"/>
      <c r="N28" s="51"/>
      <c r="O28" s="183"/>
      <c r="P28" s="186"/>
      <c r="Q28" s="115" t="s">
        <v>179</v>
      </c>
    </row>
    <row r="29" spans="1:17" s="53" customFormat="1" ht="15" customHeight="1">
      <c r="A29" s="194"/>
      <c r="B29" s="195"/>
      <c r="C29" s="82" t="s">
        <v>124</v>
      </c>
      <c r="D29" s="43" t="s">
        <v>74</v>
      </c>
      <c r="E29" s="51" t="s">
        <v>113</v>
      </c>
      <c r="F29" s="51">
        <v>3</v>
      </c>
      <c r="G29" s="51"/>
      <c r="H29" s="51"/>
      <c r="I29" s="51"/>
      <c r="J29" s="51"/>
      <c r="K29" s="51">
        <v>3</v>
      </c>
      <c r="L29" s="51"/>
      <c r="M29" s="51"/>
      <c r="N29" s="51"/>
      <c r="O29" s="183"/>
      <c r="P29" s="186"/>
      <c r="Q29" s="52"/>
    </row>
    <row r="30" spans="1:17" s="53" customFormat="1" ht="15" customHeight="1">
      <c r="A30" s="194"/>
      <c r="B30" s="195"/>
      <c r="C30" s="82" t="s">
        <v>130</v>
      </c>
      <c r="D30" s="43" t="s">
        <v>76</v>
      </c>
      <c r="E30" s="51" t="s">
        <v>113</v>
      </c>
      <c r="F30" s="51">
        <v>3</v>
      </c>
      <c r="G30" s="51"/>
      <c r="H30" s="51"/>
      <c r="I30" s="51"/>
      <c r="J30" s="51"/>
      <c r="K30" s="51">
        <v>3</v>
      </c>
      <c r="L30" s="51"/>
      <c r="M30" s="51"/>
      <c r="N30" s="51"/>
      <c r="O30" s="183"/>
      <c r="P30" s="186"/>
      <c r="Q30" s="83"/>
    </row>
    <row r="31" spans="1:17" s="53" customFormat="1" ht="15" customHeight="1" thickBot="1">
      <c r="A31" s="196"/>
      <c r="B31" s="197"/>
      <c r="C31" s="85" t="s">
        <v>131</v>
      </c>
      <c r="D31" s="70" t="s">
        <v>78</v>
      </c>
      <c r="E31" s="72" t="s">
        <v>113</v>
      </c>
      <c r="F31" s="72">
        <v>3</v>
      </c>
      <c r="G31" s="72"/>
      <c r="H31" s="72"/>
      <c r="I31" s="72"/>
      <c r="J31" s="72"/>
      <c r="K31" s="72"/>
      <c r="L31" s="72">
        <v>3</v>
      </c>
      <c r="M31" s="72"/>
      <c r="N31" s="72"/>
      <c r="O31" s="183"/>
      <c r="P31" s="187"/>
      <c r="Q31" s="86"/>
    </row>
    <row r="32" spans="1:17" ht="17.25" customHeight="1" thickTop="1">
      <c r="A32" s="219" t="s">
        <v>111</v>
      </c>
      <c r="B32" s="220"/>
      <c r="C32" s="80" t="s">
        <v>125</v>
      </c>
      <c r="D32" s="65" t="s">
        <v>81</v>
      </c>
      <c r="E32" s="67" t="s">
        <v>113</v>
      </c>
      <c r="F32" s="67">
        <v>3</v>
      </c>
      <c r="G32" s="67"/>
      <c r="H32" s="67"/>
      <c r="I32" s="67"/>
      <c r="J32" s="67">
        <v>3</v>
      </c>
      <c r="K32" s="67"/>
      <c r="L32" s="67"/>
      <c r="M32" s="67"/>
      <c r="N32" s="67"/>
      <c r="O32" s="183"/>
      <c r="P32" s="161">
        <v>9</v>
      </c>
      <c r="Q32" s="225" t="s">
        <v>186</v>
      </c>
    </row>
    <row r="33" spans="1:17">
      <c r="A33" s="221"/>
      <c r="B33" s="222"/>
      <c r="C33" s="82" t="s">
        <v>153</v>
      </c>
      <c r="D33" s="43" t="s">
        <v>142</v>
      </c>
      <c r="E33" s="51" t="s">
        <v>151</v>
      </c>
      <c r="F33" s="51">
        <v>3</v>
      </c>
      <c r="G33" s="51"/>
      <c r="H33" s="51"/>
      <c r="I33" s="51"/>
      <c r="J33" s="51">
        <v>3</v>
      </c>
      <c r="K33" s="57"/>
      <c r="L33" s="57"/>
      <c r="M33" s="57"/>
      <c r="N33" s="57"/>
      <c r="O33" s="183"/>
      <c r="P33" s="162"/>
      <c r="Q33" s="226"/>
    </row>
    <row r="34" spans="1:17">
      <c r="A34" s="221"/>
      <c r="B34" s="222"/>
      <c r="C34" s="82" t="s">
        <v>146</v>
      </c>
      <c r="D34" s="43" t="s">
        <v>143</v>
      </c>
      <c r="E34" s="51" t="s">
        <v>147</v>
      </c>
      <c r="F34" s="51">
        <v>3</v>
      </c>
      <c r="G34" s="51"/>
      <c r="H34" s="51"/>
      <c r="I34" s="51"/>
      <c r="J34" s="51"/>
      <c r="K34" s="57">
        <v>3</v>
      </c>
      <c r="L34" s="57"/>
      <c r="M34" s="57"/>
      <c r="N34" s="57"/>
      <c r="O34" s="183"/>
      <c r="P34" s="162"/>
      <c r="Q34" s="226"/>
    </row>
    <row r="35" spans="1:17">
      <c r="A35" s="221"/>
      <c r="B35" s="222"/>
      <c r="C35" s="110" t="s">
        <v>176</v>
      </c>
      <c r="D35" s="43" t="s">
        <v>144</v>
      </c>
      <c r="E35" s="51" t="s">
        <v>147</v>
      </c>
      <c r="F35" s="51">
        <v>3</v>
      </c>
      <c r="G35" s="51"/>
      <c r="H35" s="51"/>
      <c r="I35" s="51"/>
      <c r="J35" s="51"/>
      <c r="K35" s="57">
        <v>3</v>
      </c>
      <c r="L35" s="57"/>
      <c r="M35" s="57"/>
      <c r="N35" s="57"/>
      <c r="O35" s="183"/>
      <c r="P35" s="162"/>
      <c r="Q35" s="226"/>
    </row>
    <row r="36" spans="1:17">
      <c r="A36" s="221"/>
      <c r="B36" s="222"/>
      <c r="C36" s="92" t="s">
        <v>154</v>
      </c>
      <c r="D36" s="88" t="s">
        <v>133</v>
      </c>
      <c r="E36" s="90" t="s">
        <v>150</v>
      </c>
      <c r="F36" s="90">
        <v>3</v>
      </c>
      <c r="G36" s="90"/>
      <c r="H36" s="90"/>
      <c r="I36" s="90"/>
      <c r="J36" s="90"/>
      <c r="K36" s="90">
        <v>3</v>
      </c>
      <c r="L36" s="57"/>
      <c r="M36" s="57"/>
      <c r="N36" s="57"/>
      <c r="O36" s="183"/>
      <c r="P36" s="162"/>
      <c r="Q36" s="226"/>
    </row>
    <row r="37" spans="1:17">
      <c r="A37" s="221"/>
      <c r="B37" s="222"/>
      <c r="C37" s="82" t="s">
        <v>127</v>
      </c>
      <c r="D37" s="43" t="s">
        <v>85</v>
      </c>
      <c r="E37" s="51" t="s">
        <v>113</v>
      </c>
      <c r="F37" s="51">
        <v>3</v>
      </c>
      <c r="G37" s="51"/>
      <c r="H37" s="51"/>
      <c r="I37" s="51"/>
      <c r="J37" s="51"/>
      <c r="K37" s="51"/>
      <c r="L37" s="51">
        <v>3</v>
      </c>
      <c r="M37" s="51"/>
      <c r="N37" s="51"/>
      <c r="O37" s="183"/>
      <c r="P37" s="162"/>
      <c r="Q37" s="226"/>
    </row>
    <row r="38" spans="1:17" ht="17.5" thickBot="1">
      <c r="A38" s="223"/>
      <c r="B38" s="224"/>
      <c r="C38" s="85" t="s">
        <v>132</v>
      </c>
      <c r="D38" s="70" t="s">
        <v>88</v>
      </c>
      <c r="E38" s="72" t="s">
        <v>113</v>
      </c>
      <c r="F38" s="72">
        <v>3</v>
      </c>
      <c r="G38" s="72"/>
      <c r="H38" s="72"/>
      <c r="I38" s="72"/>
      <c r="J38" s="72"/>
      <c r="K38" s="72"/>
      <c r="L38" s="72">
        <v>3</v>
      </c>
      <c r="M38" s="72"/>
      <c r="N38" s="72"/>
      <c r="O38" s="184"/>
      <c r="P38" s="163"/>
      <c r="Q38" s="227"/>
    </row>
    <row r="39" spans="1:17" s="3" customFormat="1" ht="39.75" customHeight="1" thickTop="1">
      <c r="A39" s="139" t="s">
        <v>34</v>
      </c>
      <c r="B39" s="140"/>
      <c r="C39" s="143">
        <v>32</v>
      </c>
      <c r="D39" s="145" t="s">
        <v>35</v>
      </c>
      <c r="E39" s="40" t="s">
        <v>41</v>
      </c>
      <c r="F39" s="1">
        <v>56</v>
      </c>
      <c r="G39" s="147">
        <v>65</v>
      </c>
      <c r="H39" s="148"/>
      <c r="I39" s="164" t="s">
        <v>40</v>
      </c>
      <c r="J39" s="165"/>
      <c r="K39" s="165"/>
      <c r="L39" s="166"/>
      <c r="M39" s="147">
        <v>31</v>
      </c>
      <c r="N39" s="169"/>
      <c r="O39" s="118" t="s">
        <v>36</v>
      </c>
      <c r="P39" s="119"/>
      <c r="Q39" s="135">
        <f>C39+G39+M39</f>
        <v>128</v>
      </c>
    </row>
    <row r="40" spans="1:17" s="3" customFormat="1" ht="39.75" customHeight="1" thickBot="1">
      <c r="A40" s="141"/>
      <c r="B40" s="142"/>
      <c r="C40" s="144"/>
      <c r="D40" s="146"/>
      <c r="E40" s="41" t="s">
        <v>42</v>
      </c>
      <c r="F40" s="2">
        <v>9</v>
      </c>
      <c r="G40" s="149"/>
      <c r="H40" s="150"/>
      <c r="I40" s="141"/>
      <c r="J40" s="167"/>
      <c r="K40" s="167"/>
      <c r="L40" s="168"/>
      <c r="M40" s="149"/>
      <c r="N40" s="170"/>
      <c r="O40" s="120"/>
      <c r="P40" s="121"/>
      <c r="Q40" s="136"/>
    </row>
    <row r="41" spans="1:17" s="3" customFormat="1" ht="55" customHeight="1">
      <c r="A41" s="203" t="s">
        <v>180</v>
      </c>
      <c r="B41" s="204"/>
      <c r="C41" s="205" t="s">
        <v>181</v>
      </c>
      <c r="D41" s="206"/>
      <c r="E41" s="206"/>
      <c r="F41" s="206"/>
      <c r="G41" s="206"/>
      <c r="H41" s="206"/>
      <c r="I41" s="206"/>
      <c r="J41" s="206"/>
      <c r="K41" s="206"/>
      <c r="L41" s="206"/>
      <c r="M41" s="206"/>
      <c r="N41" s="206"/>
      <c r="O41" s="206"/>
      <c r="P41" s="206"/>
      <c r="Q41" s="207"/>
    </row>
    <row r="42" spans="1:17" s="3" customFormat="1" ht="17.5" customHeight="1">
      <c r="A42" s="208" t="s">
        <v>182</v>
      </c>
      <c r="B42" s="209"/>
      <c r="C42" s="210" t="s">
        <v>183</v>
      </c>
      <c r="D42" s="211"/>
      <c r="E42" s="211"/>
      <c r="F42" s="211"/>
      <c r="G42" s="211"/>
      <c r="H42" s="211"/>
      <c r="I42" s="211"/>
      <c r="J42" s="211"/>
      <c r="K42" s="211"/>
      <c r="L42" s="211"/>
      <c r="M42" s="211"/>
      <c r="N42" s="211"/>
      <c r="O42" s="211"/>
      <c r="P42" s="211"/>
      <c r="Q42" s="212"/>
    </row>
    <row r="43" spans="1:17" s="3" customFormat="1" ht="26" customHeight="1" thickBot="1">
      <c r="A43" s="213" t="s">
        <v>184</v>
      </c>
      <c r="B43" s="214"/>
      <c r="C43" s="215" t="s">
        <v>185</v>
      </c>
      <c r="D43" s="216"/>
      <c r="E43" s="216"/>
      <c r="F43" s="216"/>
      <c r="G43" s="216"/>
      <c r="H43" s="216"/>
      <c r="I43" s="216"/>
      <c r="J43" s="216"/>
      <c r="K43" s="216"/>
      <c r="L43" s="216"/>
      <c r="M43" s="216"/>
      <c r="N43" s="216"/>
      <c r="O43" s="216"/>
      <c r="P43" s="216"/>
      <c r="Q43" s="217"/>
    </row>
    <row r="44" spans="1:17">
      <c r="A44" s="201" t="s">
        <v>106</v>
      </c>
      <c r="B44" s="201"/>
      <c r="C44" s="201"/>
      <c r="D44" s="201" t="s">
        <v>107</v>
      </c>
      <c r="E44" s="201"/>
      <c r="F44" s="201"/>
      <c r="G44" s="201"/>
      <c r="H44" s="201" t="s">
        <v>108</v>
      </c>
      <c r="I44" s="201"/>
      <c r="J44" s="201"/>
      <c r="K44" s="201"/>
      <c r="L44" s="201"/>
      <c r="M44" s="201"/>
      <c r="N44" s="201"/>
      <c r="O44" s="202" t="s">
        <v>177</v>
      </c>
      <c r="P44" s="202"/>
      <c r="Q44" s="202"/>
    </row>
    <row r="46" spans="1:17">
      <c r="A46" s="111"/>
    </row>
    <row r="47" spans="1:17" ht="17" customHeight="1">
      <c r="A47" s="116"/>
      <c r="B47" s="117"/>
      <c r="C47" s="117"/>
      <c r="D47" s="117"/>
      <c r="E47" s="117"/>
      <c r="F47" s="117"/>
      <c r="G47" s="117"/>
      <c r="H47" s="117"/>
      <c r="I47" s="117"/>
      <c r="J47" s="117"/>
      <c r="K47" s="117"/>
      <c r="L47" s="117"/>
      <c r="M47" s="117"/>
      <c r="N47" s="117"/>
      <c r="O47" s="117"/>
      <c r="P47" s="117"/>
      <c r="Q47" s="117"/>
    </row>
    <row r="48" spans="1:17" ht="17" customHeight="1">
      <c r="A48" s="113"/>
      <c r="B48" s="113"/>
      <c r="C48" s="113"/>
      <c r="D48" s="113"/>
      <c r="E48" s="113"/>
      <c r="F48" s="113"/>
      <c r="G48" s="113"/>
      <c r="H48" s="113"/>
      <c r="I48" s="113"/>
      <c r="J48" s="113"/>
      <c r="K48" s="113"/>
      <c r="L48" s="113"/>
      <c r="M48" s="113"/>
      <c r="N48" s="113"/>
      <c r="O48" s="113"/>
      <c r="P48" s="113"/>
      <c r="Q48" s="113"/>
    </row>
    <row r="49" spans="1:1">
      <c r="A49" s="111"/>
    </row>
    <row r="50" spans="1:1">
      <c r="A50" s="114"/>
    </row>
    <row r="52" spans="1:1">
      <c r="A52" s="111"/>
    </row>
    <row r="53" spans="1:1">
      <c r="A53" s="114"/>
    </row>
  </sheetData>
  <mergeCells count="47">
    <mergeCell ref="C42:Q42"/>
    <mergeCell ref="C43:Q43"/>
    <mergeCell ref="D44:G44"/>
    <mergeCell ref="A44:C44"/>
    <mergeCell ref="H44:N44"/>
    <mergeCell ref="O44:Q44"/>
    <mergeCell ref="B11:B13"/>
    <mergeCell ref="O39:P40"/>
    <mergeCell ref="Q39:Q40"/>
    <mergeCell ref="A39:B40"/>
    <mergeCell ref="C39:C40"/>
    <mergeCell ref="D39:D40"/>
    <mergeCell ref="G39:H40"/>
    <mergeCell ref="I39:L40"/>
    <mergeCell ref="M39:N40"/>
    <mergeCell ref="P3:P4"/>
    <mergeCell ref="A41:B41"/>
    <mergeCell ref="A42:B42"/>
    <mergeCell ref="A43:B43"/>
    <mergeCell ref="C41:Q41"/>
    <mergeCell ref="Q14:Q16"/>
    <mergeCell ref="A17:B31"/>
    <mergeCell ref="O17:O38"/>
    <mergeCell ref="P17:P31"/>
    <mergeCell ref="A32:B38"/>
    <mergeCell ref="P32:P38"/>
    <mergeCell ref="Q32:Q38"/>
    <mergeCell ref="A6:A16"/>
    <mergeCell ref="O6:O16"/>
    <mergeCell ref="B7:B10"/>
    <mergeCell ref="P7:P10"/>
    <mergeCell ref="Q3:Q4"/>
    <mergeCell ref="P11:P13"/>
    <mergeCell ref="B14:B16"/>
    <mergeCell ref="P14:P16"/>
    <mergeCell ref="A1:Q1"/>
    <mergeCell ref="A3:A4"/>
    <mergeCell ref="B3:B4"/>
    <mergeCell ref="C3:C4"/>
    <mergeCell ref="D3:D4"/>
    <mergeCell ref="E3:E4"/>
    <mergeCell ref="F3:F4"/>
    <mergeCell ref="G3:H3"/>
    <mergeCell ref="I3:J3"/>
    <mergeCell ref="K3:L3"/>
    <mergeCell ref="M3:N3"/>
    <mergeCell ref="O3:O4"/>
  </mergeCells>
  <phoneticPr fontId="27" type="noConversion"/>
  <printOptions horizontalCentered="1"/>
  <pageMargins left="0.19685039370078741" right="0.23622047244094491" top="0.6692913385826772" bottom="0.31496062992125984" header="0.51181102362204722" footer="0.15748031496062992"/>
  <pageSetup paperSize="9" orientation="portrait" r:id="rId1"/>
  <headerFooter alignWithMargins="0">
    <oddHeader>&amp;R(附件三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6</vt:i4>
      </vt:variant>
      <vt:variant>
        <vt:lpstr>已命名的範圍</vt:lpstr>
      </vt:variant>
      <vt:variant>
        <vt:i4>6</vt:i4>
      </vt:variant>
    </vt:vector>
  </HeadingPairs>
  <TitlesOfParts>
    <vt:vector size="12" baseType="lpstr">
      <vt:lpstr>104</vt:lpstr>
      <vt:lpstr>105</vt:lpstr>
      <vt:lpstr>106</vt:lpstr>
      <vt:lpstr>107</vt:lpstr>
      <vt:lpstr>108</vt:lpstr>
      <vt:lpstr>109</vt:lpstr>
      <vt:lpstr>'104'!Print_Titles</vt:lpstr>
      <vt:lpstr>'105'!Print_Titles</vt:lpstr>
      <vt:lpstr>'106'!Print_Titles</vt:lpstr>
      <vt:lpstr>'107'!Print_Titles</vt:lpstr>
      <vt:lpstr>'108'!Print_Titles</vt:lpstr>
      <vt:lpstr>'109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命題光碟</dc:creator>
  <cp:lastModifiedBy>葉孟竹</cp:lastModifiedBy>
  <cp:lastPrinted>2020-06-11T09:01:44Z</cp:lastPrinted>
  <dcterms:created xsi:type="dcterms:W3CDTF">2009-10-06T09:18:26Z</dcterms:created>
  <dcterms:modified xsi:type="dcterms:W3CDTF">2021-02-21T13:48:01Z</dcterms:modified>
</cp:coreProperties>
</file>